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6629\Desktop\障害福祉\★ホームページ変更ファイル\2021.4\"/>
    </mc:Choice>
  </mc:AlternateContent>
  <bookViews>
    <workbookView xWindow="0" yWindow="60" windowWidth="15228" windowHeight="9000" activeTab="2"/>
  </bookViews>
  <sheets>
    <sheet name="居宅介護0304版" sheetId="22" r:id="rId1"/>
    <sheet name="重度訪問介護0304版" sheetId="28" r:id="rId2"/>
    <sheet name="行動援護0304版" sheetId="23" r:id="rId3"/>
    <sheet name="同行援護0304版" sheetId="27" r:id="rId4"/>
  </sheets>
  <definedNames>
    <definedName name="_xlnm.Print_Area" localSheetId="2">行動援護0304版!$A$1:$BW$68</definedName>
    <definedName name="_xlnm.Print_Area" localSheetId="3">同行援護0304版!$A$1:$BV$76</definedName>
  </definedNames>
  <calcPr calcId="162913"/>
</workbook>
</file>

<file path=xl/sharedStrings.xml><?xml version="1.0" encoding="utf-8"?>
<sst xmlns="http://schemas.openxmlformats.org/spreadsheetml/2006/main" count="669" uniqueCount="134">
  <si>
    <t>事業所番号</t>
  </si>
  <si>
    <t>4･通院(介護無)、5・乗降</t>
  </si>
  <si>
    <t>居宅介護サービス提供実績記録票</t>
    <rPh sb="0" eb="2">
      <t>キョタク</t>
    </rPh>
    <rPh sb="2" eb="4">
      <t>カイゴ</t>
    </rPh>
    <rPh sb="8" eb="10">
      <t>テイキョウ</t>
    </rPh>
    <rPh sb="10" eb="12">
      <t>ジッセキ</t>
    </rPh>
    <rPh sb="12" eb="14">
      <t>キロク</t>
    </rPh>
    <rPh sb="14" eb="15">
      <t>ヒョウ</t>
    </rPh>
    <phoneticPr fontId="3"/>
  </si>
  <si>
    <t>受給者証番号</t>
    <rPh sb="0" eb="2">
      <t>ジュキュウ</t>
    </rPh>
    <rPh sb="2" eb="3">
      <t>シャ</t>
    </rPh>
    <rPh sb="3" eb="4">
      <t>ショウ</t>
    </rPh>
    <rPh sb="4" eb="5">
      <t>バン</t>
    </rPh>
    <rPh sb="5" eb="6">
      <t>ゴウ</t>
    </rPh>
    <phoneticPr fontId="3"/>
  </si>
  <si>
    <t>支給決定障害者等
氏　　名
（児童氏名）</t>
    <rPh sb="0" eb="2">
      <t>シキュウ</t>
    </rPh>
    <rPh sb="2" eb="4">
      <t>ケッテイ</t>
    </rPh>
    <rPh sb="4" eb="7">
      <t>ショウガイシャ</t>
    </rPh>
    <rPh sb="7" eb="8">
      <t>トウ</t>
    </rPh>
    <rPh sb="9" eb="10">
      <t>シ</t>
    </rPh>
    <rPh sb="12" eb="13">
      <t>メイ</t>
    </rPh>
    <rPh sb="15" eb="17">
      <t>ジドウ</t>
    </rPh>
    <rPh sb="17" eb="19">
      <t>シメイ</t>
    </rPh>
    <phoneticPr fontId="3"/>
  </si>
  <si>
    <t>事業者及び
事業所の名称</t>
    <rPh sb="6" eb="9">
      <t>ジギョウショ</t>
    </rPh>
    <rPh sb="10" eb="12">
      <t>メイショウ</t>
    </rPh>
    <phoneticPr fontId="3"/>
  </si>
  <si>
    <t>身体介護</t>
    <rPh sb="0" eb="2">
      <t>シンタイ</t>
    </rPh>
    <rPh sb="2" eb="4">
      <t>カイゴ</t>
    </rPh>
    <phoneticPr fontId="3"/>
  </si>
  <si>
    <t>通院(介護あり)</t>
    <rPh sb="0" eb="2">
      <t>ツウイン</t>
    </rPh>
    <rPh sb="3" eb="5">
      <t>カイゴ</t>
    </rPh>
    <phoneticPr fontId="3"/>
  </si>
  <si>
    <t>家事援助</t>
    <rPh sb="0" eb="2">
      <t>カジ</t>
    </rPh>
    <rPh sb="2" eb="4">
      <t>エンジョ</t>
    </rPh>
    <phoneticPr fontId="3"/>
  </si>
  <si>
    <t>通院(介護なし)</t>
    <rPh sb="0" eb="2">
      <t>ツウイン</t>
    </rPh>
    <rPh sb="3" eb="5">
      <t>カイゴ</t>
    </rPh>
    <phoneticPr fontId="3"/>
  </si>
  <si>
    <t>通院等乗降介助</t>
    <rPh sb="0" eb="2">
      <t>ツウイン</t>
    </rPh>
    <rPh sb="2" eb="3">
      <t>トウ</t>
    </rPh>
    <rPh sb="3" eb="5">
      <t>ジョウコウ</t>
    </rPh>
    <rPh sb="5" eb="7">
      <t>カイジョ</t>
    </rPh>
    <phoneticPr fontId="3"/>
  </si>
  <si>
    <t>利用者負担上限月額</t>
    <rPh sb="0" eb="3">
      <t>リヨウシャ</t>
    </rPh>
    <rPh sb="3" eb="5">
      <t>フタン</t>
    </rPh>
    <rPh sb="5" eb="7">
      <t>ジョウゲン</t>
    </rPh>
    <rPh sb="7" eb="9">
      <t>ゲツガク</t>
    </rPh>
    <phoneticPr fontId="3"/>
  </si>
  <si>
    <t>円</t>
    <rPh sb="0" eb="1">
      <t>エン</t>
    </rPh>
    <phoneticPr fontId="3"/>
  </si>
  <si>
    <t>日付</t>
    <rPh sb="0" eb="2">
      <t>ヒヅケ</t>
    </rPh>
    <phoneticPr fontId="3"/>
  </si>
  <si>
    <t>曜日</t>
    <rPh sb="0" eb="2">
      <t>ヨウビ</t>
    </rPh>
    <phoneticPr fontId="3"/>
  </si>
  <si>
    <t>サービス内容</t>
    <rPh sb="4" eb="6">
      <t>ナイヨウ</t>
    </rPh>
    <phoneticPr fontId="3"/>
  </si>
  <si>
    <t>サービス提供時間</t>
    <rPh sb="4" eb="6">
      <t>テイキョウ</t>
    </rPh>
    <rPh sb="6" eb="8">
      <t>ジカン</t>
    </rPh>
    <phoneticPr fontId="3"/>
  </si>
  <si>
    <t>算定時間･回数</t>
    <rPh sb="0" eb="2">
      <t>サンテイ</t>
    </rPh>
    <rPh sb="2" eb="4">
      <t>ジカン</t>
    </rPh>
    <rPh sb="5" eb="7">
      <t>カイスウ</t>
    </rPh>
    <phoneticPr fontId="3"/>
  </si>
  <si>
    <t>派遣
人数</t>
    <rPh sb="0" eb="2">
      <t>ハケン</t>
    </rPh>
    <rPh sb="3" eb="5">
      <t>ニンズウ</t>
    </rPh>
    <phoneticPr fontId="3"/>
  </si>
  <si>
    <t>1･身体、2･通院(介護有)、3･家事</t>
    <rPh sb="2" eb="4">
      <t>シンタイ</t>
    </rPh>
    <rPh sb="7" eb="9">
      <t>ツウイン</t>
    </rPh>
    <rPh sb="10" eb="12">
      <t>カイゴ</t>
    </rPh>
    <rPh sb="12" eb="13">
      <t>ア</t>
    </rPh>
    <rPh sb="17" eb="19">
      <t>カジ</t>
    </rPh>
    <phoneticPr fontId="3"/>
  </si>
  <si>
    <t>開始時間</t>
    <rPh sb="0" eb="2">
      <t>カイシ</t>
    </rPh>
    <rPh sb="2" eb="4">
      <t>ジカン</t>
    </rPh>
    <phoneticPr fontId="3"/>
  </si>
  <si>
    <t>終了時間</t>
    <rPh sb="0" eb="2">
      <t>シュウリョウ</t>
    </rPh>
    <rPh sb="2" eb="4">
      <t>ジカン</t>
    </rPh>
    <phoneticPr fontId="3"/>
  </si>
  <si>
    <t>深夜帯</t>
    <rPh sb="0" eb="2">
      <t>シンヤ</t>
    </rPh>
    <rPh sb="2" eb="3">
      <t>タイ</t>
    </rPh>
    <phoneticPr fontId="3"/>
  </si>
  <si>
    <t>早朝帯</t>
    <rPh sb="0" eb="2">
      <t>ソウチョウ</t>
    </rPh>
    <rPh sb="2" eb="3">
      <t>タイ</t>
    </rPh>
    <phoneticPr fontId="3"/>
  </si>
  <si>
    <t>日中帯</t>
    <rPh sb="0" eb="2">
      <t>ニッチュウ</t>
    </rPh>
    <rPh sb="2" eb="3">
      <t>タイ</t>
    </rPh>
    <phoneticPr fontId="3"/>
  </si>
  <si>
    <t>夜間帯</t>
    <rPh sb="0" eb="2">
      <t>ヤカン</t>
    </rPh>
    <rPh sb="2" eb="3">
      <t>タイ</t>
    </rPh>
    <phoneticPr fontId="3"/>
  </si>
  <si>
    <t>乗降</t>
    <rPh sb="0" eb="2">
      <t>ジョウコウ</t>
    </rPh>
    <phoneticPr fontId="3"/>
  </si>
  <si>
    <t>0～6</t>
    <phoneticPr fontId="3"/>
  </si>
  <si>
    <t>6～8</t>
    <phoneticPr fontId="3"/>
  </si>
  <si>
    <t>8～18</t>
    <phoneticPr fontId="3"/>
  </si>
  <si>
    <t>18～22</t>
    <phoneticPr fontId="3"/>
  </si>
  <si>
    <t>22～24</t>
    <phoneticPr fontId="3"/>
  </si>
  <si>
    <t>:</t>
    <phoneticPr fontId="3"/>
  </si>
  <si>
    <t>合　　計</t>
    <rPh sb="0" eb="1">
      <t>ゴウ</t>
    </rPh>
    <rPh sb="3" eb="4">
      <t>ケイ</t>
    </rPh>
    <phoneticPr fontId="3"/>
  </si>
  <si>
    <t>内訳(適用単価別)</t>
    <rPh sb="0" eb="2">
      <t>ウチワケ</t>
    </rPh>
    <rPh sb="3" eb="5">
      <t>テキヨウ</t>
    </rPh>
    <rPh sb="5" eb="7">
      <t>タンカ</t>
    </rPh>
    <rPh sb="7" eb="8">
      <t>ベツ</t>
    </rPh>
    <phoneticPr fontId="3"/>
  </si>
  <si>
    <t>算定時間数計</t>
    <rPh sb="0" eb="2">
      <t>サンテイ</t>
    </rPh>
    <rPh sb="2" eb="4">
      <t>ジカン</t>
    </rPh>
    <rPh sb="4" eb="5">
      <t>スウ</t>
    </rPh>
    <rPh sb="5" eb="6">
      <t>ケイ</t>
    </rPh>
    <phoneticPr fontId="3"/>
  </si>
  <si>
    <t>派遣
人数計</t>
    <rPh sb="0" eb="2">
      <t>ハケン</t>
    </rPh>
    <rPh sb="3" eb="5">
      <t>ニンズウ</t>
    </rPh>
    <rPh sb="5" eb="6">
      <t>ケイ</t>
    </rPh>
    <phoneticPr fontId="3"/>
  </si>
  <si>
    <t>※↑この欄には記入しないで下さい</t>
    <rPh sb="4" eb="5">
      <t>ラン</t>
    </rPh>
    <rPh sb="7" eb="9">
      <t>キニュウ</t>
    </rPh>
    <rPh sb="13" eb="14">
      <t>クダ</t>
    </rPh>
    <phoneticPr fontId="3"/>
  </si>
  <si>
    <t>2人
介護</t>
    <rPh sb="1" eb="2">
      <t>ニン</t>
    </rPh>
    <rPh sb="3" eb="5">
      <t>カイゴ</t>
    </rPh>
    <phoneticPr fontId="3"/>
  </si>
  <si>
    <t>1回
あたり</t>
    <rPh sb="1" eb="2">
      <t>カイ</t>
    </rPh>
    <phoneticPr fontId="3"/>
  </si>
  <si>
    <t>合計
時間</t>
    <rPh sb="0" eb="2">
      <t>ゴウケイ</t>
    </rPh>
    <rPh sb="3" eb="5">
      <t>ジカン</t>
    </rPh>
    <phoneticPr fontId="3"/>
  </si>
  <si>
    <t>回数</t>
    <rPh sb="0" eb="2">
      <t>カイスウ</t>
    </rPh>
    <phoneticPr fontId="3"/>
  </si>
  <si>
    <t>重訪</t>
    <rPh sb="0" eb="1">
      <t>ジュウ</t>
    </rPh>
    <rPh sb="1" eb="2">
      <t>オトズ</t>
    </rPh>
    <phoneticPr fontId="3"/>
  </si>
  <si>
    <t>居宅における身体介護</t>
    <rPh sb="0" eb="2">
      <t>キョタク</t>
    </rPh>
    <rPh sb="6" eb="8">
      <t>シンタイ</t>
    </rPh>
    <rPh sb="8" eb="10">
      <t>カイゴ</t>
    </rPh>
    <phoneticPr fontId="3"/>
  </si>
  <si>
    <t>枚中</t>
    <rPh sb="0" eb="1">
      <t>マイ</t>
    </rPh>
    <rPh sb="1" eb="2">
      <t>チュウ</t>
    </rPh>
    <phoneticPr fontId="3"/>
  </si>
  <si>
    <t>枚目</t>
    <rPh sb="0" eb="1">
      <t>マイ</t>
    </rPh>
    <rPh sb="1" eb="2">
      <t>メ</t>
    </rPh>
    <phoneticPr fontId="3"/>
  </si>
  <si>
    <t>行動援護サービス提供実績記録票</t>
    <rPh sb="0" eb="2">
      <t>コウドウ</t>
    </rPh>
    <rPh sb="2" eb="4">
      <t>エンゴ</t>
    </rPh>
    <rPh sb="8" eb="10">
      <t>テイキョウ</t>
    </rPh>
    <rPh sb="10" eb="12">
      <t>ジッセキ</t>
    </rPh>
    <rPh sb="12" eb="14">
      <t>キロク</t>
    </rPh>
    <rPh sb="14" eb="15">
      <t>ヒョウ</t>
    </rPh>
    <phoneticPr fontId="3"/>
  </si>
  <si>
    <t>契約支給量</t>
    <rPh sb="0" eb="2">
      <t>ケイヤク</t>
    </rPh>
    <rPh sb="2" eb="4">
      <t>シキュウ</t>
    </rPh>
    <rPh sb="4" eb="5">
      <t>リョウ</t>
    </rPh>
    <phoneticPr fontId="3"/>
  </si>
  <si>
    <t>時間／月</t>
    <rPh sb="0" eb="2">
      <t>ジカン</t>
    </rPh>
    <rPh sb="3" eb="4">
      <t>ツキ</t>
    </rPh>
    <phoneticPr fontId="3"/>
  </si>
  <si>
    <t>算定時間</t>
    <rPh sb="0" eb="2">
      <t>サンテイ</t>
    </rPh>
    <rPh sb="2" eb="4">
      <t>ジカン</t>
    </rPh>
    <phoneticPr fontId="3"/>
  </si>
  <si>
    <t>備考</t>
    <rPh sb="0" eb="2">
      <t>ビコウ</t>
    </rPh>
    <phoneticPr fontId="3"/>
  </si>
  <si>
    <t>算定時間数
計</t>
    <rPh sb="0" eb="2">
      <t>サンテイ</t>
    </rPh>
    <rPh sb="2" eb="4">
      <t>ジカン</t>
    </rPh>
    <rPh sb="4" eb="5">
      <t>スウ</t>
    </rPh>
    <rPh sb="6" eb="7">
      <t>ケイ</t>
    </rPh>
    <phoneticPr fontId="3"/>
  </si>
  <si>
    <t>契約支給量
（時間／月）</t>
    <rPh sb="0" eb="2">
      <t>ケイヤク</t>
    </rPh>
    <rPh sb="2" eb="4">
      <t>シキュウ</t>
    </rPh>
    <rPh sb="4" eb="5">
      <t>リョウ</t>
    </rPh>
    <rPh sb="7" eb="9">
      <t>ジカン</t>
    </rPh>
    <rPh sb="10" eb="11">
      <t>ツキ</t>
    </rPh>
    <phoneticPr fontId="3"/>
  </si>
  <si>
    <t>全体</t>
    <rPh sb="0" eb="2">
      <t>ゼンタイ</t>
    </rPh>
    <phoneticPr fontId="3"/>
  </si>
  <si>
    <t>居宅部分</t>
    <rPh sb="0" eb="2">
      <t>キョタク</t>
    </rPh>
    <rPh sb="2" eb="4">
      <t>ブブン</t>
    </rPh>
    <phoneticPr fontId="3"/>
  </si>
  <si>
    <t>移動介護</t>
    <rPh sb="0" eb="2">
      <t>イドウ</t>
    </rPh>
    <rPh sb="2" eb="4">
      <t>カイゴ</t>
    </rPh>
    <phoneticPr fontId="3"/>
  </si>
  <si>
    <t>加算
(○をつける)</t>
    <rPh sb="0" eb="2">
      <t>カサン</t>
    </rPh>
    <phoneticPr fontId="3"/>
  </si>
  <si>
    <t>時間</t>
    <rPh sb="0" eb="2">
      <t>ジカン</t>
    </rPh>
    <phoneticPr fontId="3"/>
  </si>
  <si>
    <t>移動</t>
    <rPh sb="0" eb="2">
      <t>イドウ</t>
    </rPh>
    <phoneticPr fontId="3"/>
  </si>
  <si>
    <t>ページ　小計</t>
    <rPh sb="4" eb="5">
      <t>ショウ</t>
    </rPh>
    <rPh sb="5" eb="6">
      <t>ケイ</t>
    </rPh>
    <phoneticPr fontId="3"/>
  </si>
  <si>
    <t>合計（全ページ分を1枚目に記入）</t>
    <rPh sb="0" eb="2">
      <t>ゴウケイ</t>
    </rPh>
    <rPh sb="3" eb="4">
      <t>ゼン</t>
    </rPh>
    <rPh sb="7" eb="8">
      <t>ブン</t>
    </rPh>
    <rPh sb="10" eb="12">
      <t>マイメ</t>
    </rPh>
    <rPh sb="13" eb="15">
      <t>キニュウ</t>
    </rPh>
    <phoneticPr fontId="3"/>
  </si>
  <si>
    <t>1・2・3・4・5</t>
    <phoneticPr fontId="3"/>
  </si>
  <si>
    <t>通院介助(身体介護あり)</t>
    <rPh sb="0" eb="2">
      <t>ツウイン</t>
    </rPh>
    <rPh sb="2" eb="4">
      <t>カイジョ</t>
    </rPh>
    <rPh sb="5" eb="7">
      <t>シンタイ</t>
    </rPh>
    <rPh sb="7" eb="9">
      <t>カイゴ</t>
    </rPh>
    <phoneticPr fontId="3"/>
  </si>
  <si>
    <t>通院介助(身体介護なし)</t>
    <rPh sb="0" eb="2">
      <t>ツウイン</t>
    </rPh>
    <rPh sb="2" eb="4">
      <t>カイジョ</t>
    </rPh>
    <rPh sb="5" eb="7">
      <t>シンタイ</t>
    </rPh>
    <rPh sb="7" eb="9">
      <t>カイゴ</t>
    </rPh>
    <phoneticPr fontId="3"/>
  </si>
  <si>
    <t>加算</t>
    <rPh sb="0" eb="2">
      <t>カサン</t>
    </rPh>
    <phoneticPr fontId="3"/>
  </si>
  <si>
    <t>重訪</t>
    <rPh sb="0" eb="1">
      <t>ジュウ</t>
    </rPh>
    <rPh sb="1" eb="2">
      <t>ホウ</t>
    </rPh>
    <phoneticPr fontId="3"/>
  </si>
  <si>
    <t>減算</t>
    <rPh sb="0" eb="2">
      <t>ゲンサン</t>
    </rPh>
    <phoneticPr fontId="3"/>
  </si>
  <si>
    <t>緊急</t>
    <rPh sb="0" eb="2">
      <t>キンキュウ</t>
    </rPh>
    <phoneticPr fontId="3"/>
  </si>
  <si>
    <t>重度訪問介護サービス提供実績記録票</t>
    <rPh sb="0" eb="2">
      <t>ジュウド</t>
    </rPh>
    <rPh sb="2" eb="4">
      <t>ホウモン</t>
    </rPh>
    <rPh sb="4" eb="6">
      <t>カイゴ</t>
    </rPh>
    <rPh sb="10" eb="12">
      <t>テイキョウ</t>
    </rPh>
    <rPh sb="12" eb="14">
      <t>ジッセキ</t>
    </rPh>
    <rPh sb="14" eb="16">
      <t>キロク</t>
    </rPh>
    <rPh sb="16" eb="17">
      <t>ヒョウ</t>
    </rPh>
    <phoneticPr fontId="3"/>
  </si>
  <si>
    <t>支給決定障害者
等   氏　　　名
（障害児氏名）</t>
    <rPh sb="0" eb="2">
      <t>シキュウ</t>
    </rPh>
    <rPh sb="2" eb="4">
      <t>ケッテイ</t>
    </rPh>
    <rPh sb="4" eb="7">
      <t>ショウガイシャ</t>
    </rPh>
    <rPh sb="8" eb="9">
      <t>トウ</t>
    </rPh>
    <rPh sb="12" eb="13">
      <t>シ</t>
    </rPh>
    <rPh sb="16" eb="17">
      <t>メイ</t>
    </rPh>
    <rPh sb="19" eb="22">
      <t>ショウガイジ</t>
    </rPh>
    <rPh sb="22" eb="24">
      <t>シメイ</t>
    </rPh>
    <phoneticPr fontId="3"/>
  </si>
  <si>
    <t>事業者及び
その事業所</t>
    <rPh sb="8" eb="11">
      <t>ジギョウショ</t>
    </rPh>
    <phoneticPr fontId="3"/>
  </si>
  <si>
    <t>※　行の追加・削除はしないでください。左側欄外の1～25の行番号を削除しないでください。</t>
    <rPh sb="2" eb="3">
      <t>ギョウ</t>
    </rPh>
    <rPh sb="4" eb="6">
      <t>ツイカ</t>
    </rPh>
    <rPh sb="7" eb="9">
      <t>サクジョ</t>
    </rPh>
    <rPh sb="19" eb="21">
      <t>ヒダリガワ</t>
    </rPh>
    <rPh sb="21" eb="23">
      <t>ランガイ</t>
    </rPh>
    <rPh sb="29" eb="32">
      <t>ギョウバンゴウ</t>
    </rPh>
    <rPh sb="33" eb="35">
      <t>サクジョ</t>
    </rPh>
    <phoneticPr fontId="3"/>
  </si>
  <si>
    <t>支給決定障害者
等  氏　　名
（児童氏名）</t>
    <rPh sb="0" eb="2">
      <t>シキュウ</t>
    </rPh>
    <rPh sb="2" eb="4">
      <t>ケッテイ</t>
    </rPh>
    <rPh sb="4" eb="7">
      <t>ショウガイシャ</t>
    </rPh>
    <rPh sb="8" eb="9">
      <t>トウ</t>
    </rPh>
    <rPh sb="11" eb="12">
      <t>シ</t>
    </rPh>
    <rPh sb="14" eb="15">
      <t>メイ</t>
    </rPh>
    <rPh sb="17" eb="19">
      <t>ジドウ</t>
    </rPh>
    <rPh sb="19" eb="21">
      <t>シメイ</t>
    </rPh>
    <phoneticPr fontId="3"/>
  </si>
  <si>
    <t>利用者負担
上限月額</t>
    <rPh sb="0" eb="3">
      <t>リヨウシャ</t>
    </rPh>
    <rPh sb="3" eb="5">
      <t>フタン</t>
    </rPh>
    <rPh sb="6" eb="8">
      <t>ジョウゲン</t>
    </rPh>
    <rPh sb="8" eb="10">
      <t>ゲツガク</t>
    </rPh>
    <phoneticPr fontId="3"/>
  </si>
  <si>
    <t>事業者及び
事業所の名称</t>
    <rPh sb="0" eb="3">
      <t>ジギョウシャ</t>
    </rPh>
    <rPh sb="3" eb="4">
      <t>オヨ</t>
    </rPh>
    <rPh sb="6" eb="9">
      <t>ジギョウショ</t>
    </rPh>
    <rPh sb="10" eb="12">
      <t>メイショウ</t>
    </rPh>
    <phoneticPr fontId="3"/>
  </si>
  <si>
    <t>支給決定障害者
等　氏　　　名
（児童氏名）</t>
    <rPh sb="0" eb="2">
      <t>シキュウ</t>
    </rPh>
    <rPh sb="2" eb="4">
      <t>ケッテイ</t>
    </rPh>
    <rPh sb="4" eb="7">
      <t>ショウガイシャ</t>
    </rPh>
    <rPh sb="8" eb="9">
      <t>トウ</t>
    </rPh>
    <rPh sb="10" eb="11">
      <t>シ</t>
    </rPh>
    <rPh sb="14" eb="15">
      <t>メイ</t>
    </rPh>
    <rPh sb="17" eb="19">
      <t>ジドウ</t>
    </rPh>
    <rPh sb="19" eb="21">
      <t>シメイ</t>
    </rPh>
    <phoneticPr fontId="3"/>
  </si>
  <si>
    <t>サービス内容
及び
契約支給量</t>
    <rPh sb="4" eb="6">
      <t>ナイヨウ</t>
    </rPh>
    <rPh sb="7" eb="8">
      <t>オヨ</t>
    </rPh>
    <rPh sb="10" eb="12">
      <t>ケイヤク</t>
    </rPh>
    <rPh sb="12" eb="14">
      <t>シキュウ</t>
    </rPh>
    <rPh sb="14" eb="15">
      <t>リョウ</t>
    </rPh>
    <phoneticPr fontId="3"/>
  </si>
  <si>
    <t>基礎</t>
    <rPh sb="0" eb="2">
      <t>キソ</t>
    </rPh>
    <phoneticPr fontId="3"/>
  </si>
  <si>
    <t>喀痰</t>
    <rPh sb="0" eb="2">
      <t>カクタン</t>
    </rPh>
    <phoneticPr fontId="3"/>
  </si>
  <si>
    <t>　．　　．</t>
    <phoneticPr fontId="3"/>
  </si>
  <si>
    <t>※</t>
    <phoneticPr fontId="3"/>
  </si>
  <si>
    <t>行の追加・削除はしないでください。左側欄外の1～20の行番号を削除しないでください。</t>
    <rPh sb="0" eb="1">
      <t>ギョウ</t>
    </rPh>
    <rPh sb="2" eb="4">
      <t>ツイカ</t>
    </rPh>
    <rPh sb="5" eb="7">
      <t>サクジョ</t>
    </rPh>
    <rPh sb="17" eb="19">
      <t>ヒダリガワ</t>
    </rPh>
    <rPh sb="19" eb="21">
      <t>ランガイ</t>
    </rPh>
    <rPh sb="27" eb="30">
      <t>ギョウバンゴウ</t>
    </rPh>
    <rPh sb="31" eb="33">
      <t>サクジョ</t>
    </rPh>
    <phoneticPr fontId="3"/>
  </si>
  <si>
    <t>著しく重度</t>
    <rPh sb="0" eb="1">
      <t>イチジル</t>
    </rPh>
    <rPh sb="3" eb="5">
      <t>ジュウド</t>
    </rPh>
    <phoneticPr fontId="3"/>
  </si>
  <si>
    <t>区分６</t>
    <rPh sb="0" eb="2">
      <t>クブン</t>
    </rPh>
    <phoneticPr fontId="3"/>
  </si>
  <si>
    <t>その他</t>
    <rPh sb="2" eb="3">
      <t>タ</t>
    </rPh>
    <phoneticPr fontId="3"/>
  </si>
  <si>
    <t>福祉専門職員等連携加算</t>
    <rPh sb="0" eb="2">
      <t>フクシ</t>
    </rPh>
    <rPh sb="2" eb="4">
      <t>センモン</t>
    </rPh>
    <rPh sb="4" eb="6">
      <t>ショクイン</t>
    </rPh>
    <rPh sb="6" eb="7">
      <t>トウ</t>
    </rPh>
    <rPh sb="7" eb="9">
      <t>レンケイ</t>
    </rPh>
    <rPh sb="9" eb="11">
      <t>カサン</t>
    </rPh>
    <phoneticPr fontId="3"/>
  </si>
  <si>
    <t>初回加算訪問日</t>
    <rPh sb="0" eb="2">
      <t>ショカイ</t>
    </rPh>
    <rPh sb="2" eb="4">
      <t>カサン</t>
    </rPh>
    <rPh sb="4" eb="6">
      <t>ホウモン</t>
    </rPh>
    <rPh sb="6" eb="7">
      <t>ビ</t>
    </rPh>
    <phoneticPr fontId="3"/>
  </si>
  <si>
    <t>※　市記入欄（このスペースには何も書き込まないでください）</t>
    <rPh sb="2" eb="3">
      <t>シ</t>
    </rPh>
    <rPh sb="3" eb="5">
      <t>キニュウ</t>
    </rPh>
    <rPh sb="5" eb="6">
      <t>ラン</t>
    </rPh>
    <rPh sb="15" eb="16">
      <t>ナニ</t>
    </rPh>
    <rPh sb="17" eb="18">
      <t>カ</t>
    </rPh>
    <rPh sb="19" eb="20">
      <t>コ</t>
    </rPh>
    <phoneticPr fontId="3"/>
  </si>
  <si>
    <t>時間数</t>
    <rPh sb="0" eb="3">
      <t>ジカンスウ</t>
    </rPh>
    <phoneticPr fontId="3"/>
  </si>
  <si>
    <t>人数</t>
    <rPh sb="0" eb="2">
      <t>ニンズウ</t>
    </rPh>
    <phoneticPr fontId="3"/>
  </si>
  <si>
    <t>合計(全ページ分)</t>
    <rPh sb="0" eb="2">
      <t>ゴウケイ</t>
    </rPh>
    <rPh sb="3" eb="4">
      <t>ゼン</t>
    </rPh>
    <rPh sb="7" eb="8">
      <t>ブン</t>
    </rPh>
    <phoneticPr fontId="3"/>
  </si>
  <si>
    <t>入院・入院長期</t>
    <rPh sb="0" eb="2">
      <t>ニュウイン</t>
    </rPh>
    <rPh sb="3" eb="5">
      <t>ニュウイン</t>
    </rPh>
    <rPh sb="5" eb="7">
      <t>チョウキ</t>
    </rPh>
    <phoneticPr fontId="3"/>
  </si>
  <si>
    <t>同行支援</t>
    <rPh sb="0" eb="2">
      <t>ドウコウ</t>
    </rPh>
    <rPh sb="2" eb="4">
      <t>シエン</t>
    </rPh>
    <phoneticPr fontId="3"/>
  </si>
  <si>
    <t>緊急対応</t>
    <rPh sb="0" eb="2">
      <t>キンキュウ</t>
    </rPh>
    <rPh sb="2" eb="4">
      <t>タイオウ</t>
    </rPh>
    <phoneticPr fontId="3"/>
  </si>
  <si>
    <t>喀痰吸引</t>
    <rPh sb="0" eb="2">
      <t>カクタン</t>
    </rPh>
    <rPh sb="2" eb="4">
      <t>キュウイン</t>
    </rPh>
    <phoneticPr fontId="3"/>
  </si>
  <si>
    <t>初回加算</t>
    <rPh sb="0" eb="2">
      <t>ショカイ</t>
    </rPh>
    <rPh sb="2" eb="4">
      <t>カサン</t>
    </rPh>
    <phoneticPr fontId="3"/>
  </si>
  <si>
    <t>サ責
訪問日</t>
    <rPh sb="1" eb="2">
      <t>セキ</t>
    </rPh>
    <rPh sb="3" eb="5">
      <t>ホウモン</t>
    </rPh>
    <rPh sb="5" eb="6">
      <t>ヒ</t>
    </rPh>
    <phoneticPr fontId="3"/>
  </si>
  <si>
    <t>行動障害支援
連携加算</t>
    <rPh sb="0" eb="2">
      <t>コウドウ</t>
    </rPh>
    <rPh sb="2" eb="4">
      <t>ショウガイ</t>
    </rPh>
    <rPh sb="4" eb="6">
      <t>シエン</t>
    </rPh>
    <rPh sb="7" eb="9">
      <t>レンケイ</t>
    </rPh>
    <rPh sb="9" eb="11">
      <t>カサン</t>
    </rPh>
    <phoneticPr fontId="3"/>
  </si>
  <si>
    <t>　．　　　．</t>
    <phoneticPr fontId="3"/>
  </si>
  <si>
    <t>サービス提供
の状況（※）</t>
    <rPh sb="4" eb="6">
      <t>テイキョウ</t>
    </rPh>
    <rPh sb="8" eb="10">
      <t>ジョウキョウ</t>
    </rPh>
    <phoneticPr fontId="3"/>
  </si>
  <si>
    <t>※　行の追加・削除はしないでください。左側欄外の1～30の行番号を削除しないでください。</t>
    <rPh sb="2" eb="3">
      <t>ギョウ</t>
    </rPh>
    <rPh sb="4" eb="6">
      <t>ツイカ</t>
    </rPh>
    <rPh sb="7" eb="9">
      <t>サクジョ</t>
    </rPh>
    <rPh sb="19" eb="21">
      <t>ヒダリガワ</t>
    </rPh>
    <rPh sb="21" eb="23">
      <t>ランガイ</t>
    </rPh>
    <rPh sb="29" eb="32">
      <t>ギョウバンゴウ</t>
    </rPh>
    <rPh sb="33" eb="35">
      <t>サクジョ</t>
    </rPh>
    <phoneticPr fontId="3"/>
  </si>
  <si>
    <t>利用
開始日</t>
    <rPh sb="0" eb="2">
      <t>リヨウ</t>
    </rPh>
    <rPh sb="3" eb="6">
      <t>カイシビ</t>
    </rPh>
    <phoneticPr fontId="3"/>
  </si>
  <si>
    <t>９０日目</t>
    <rPh sb="2" eb="3">
      <t>ニチ</t>
    </rPh>
    <rPh sb="3" eb="4">
      <t>メ</t>
    </rPh>
    <phoneticPr fontId="3"/>
  </si>
  <si>
    <t>１回目サ責訪問日</t>
    <rPh sb="1" eb="3">
      <t>カイメ</t>
    </rPh>
    <rPh sb="4" eb="5">
      <t>セキ</t>
    </rPh>
    <rPh sb="5" eb="8">
      <t>ホウモンビ</t>
    </rPh>
    <phoneticPr fontId="3"/>
  </si>
  <si>
    <t>２回目サ責訪問日</t>
    <rPh sb="1" eb="3">
      <t>カイメ</t>
    </rPh>
    <rPh sb="4" eb="5">
      <t>セキ</t>
    </rPh>
    <rPh sb="5" eb="8">
      <t>ホウモンビ</t>
    </rPh>
    <phoneticPr fontId="3"/>
  </si>
  <si>
    <t>３回目サ責訪問日</t>
    <rPh sb="1" eb="3">
      <t>カイメ</t>
    </rPh>
    <rPh sb="4" eb="5">
      <t>セキ</t>
    </rPh>
    <rPh sb="5" eb="8">
      <t>ホウモンビ</t>
    </rPh>
    <phoneticPr fontId="3"/>
  </si>
  <si>
    <t>作成日</t>
    <rPh sb="0" eb="3">
      <t>サクセイビ</t>
    </rPh>
    <phoneticPr fontId="3"/>
  </si>
  <si>
    <t>支援計画シート</t>
    <rPh sb="0" eb="2">
      <t>シエン</t>
    </rPh>
    <rPh sb="2" eb="4">
      <t>ケイカク</t>
    </rPh>
    <phoneticPr fontId="3"/>
  </si>
  <si>
    <t>有　　・　　未作成</t>
    <rPh sb="0" eb="1">
      <t>アリ</t>
    </rPh>
    <rPh sb="6" eb="9">
      <t>ミサクセイ</t>
    </rPh>
    <phoneticPr fontId="3"/>
  </si>
  <si>
    <t>年　　　　月　　　　日</t>
    <rPh sb="0" eb="1">
      <t>ネン</t>
    </rPh>
    <rPh sb="5" eb="6">
      <t>ツキ</t>
    </rPh>
    <rPh sb="10" eb="11">
      <t>ヒ</t>
    </rPh>
    <phoneticPr fontId="3"/>
  </si>
  <si>
    <t>通訳</t>
    <rPh sb="0" eb="2">
      <t>ツウヤク</t>
    </rPh>
    <phoneticPr fontId="3"/>
  </si>
  <si>
    <t>時間／月　</t>
    <rPh sb="0" eb="2">
      <t>ジカン</t>
    </rPh>
    <rPh sb="3" eb="4">
      <t>ツキ</t>
    </rPh>
    <phoneticPr fontId="3"/>
  </si>
  <si>
    <t>緊急
対応</t>
    <rPh sb="0" eb="2">
      <t>キンキュウ</t>
    </rPh>
    <rPh sb="3" eb="5">
      <t>タイオウ</t>
    </rPh>
    <phoneticPr fontId="3"/>
  </si>
  <si>
    <t>喀痰
吸引</t>
    <rPh sb="0" eb="2">
      <t>カクタン</t>
    </rPh>
    <rPh sb="3" eb="5">
      <t>キュウイン</t>
    </rPh>
    <phoneticPr fontId="3"/>
  </si>
  <si>
    <t>盲ろう</t>
    <rPh sb="0" eb="1">
      <t>モウ</t>
    </rPh>
    <phoneticPr fontId="3"/>
  </si>
  <si>
    <t>ヘルパー資格</t>
    <rPh sb="4" eb="6">
      <t>シカク</t>
    </rPh>
    <phoneticPr fontId="3"/>
  </si>
  <si>
    <t>内訳</t>
    <rPh sb="0" eb="2">
      <t>ウチワケ</t>
    </rPh>
    <phoneticPr fontId="3"/>
  </si>
  <si>
    <t>　　　　　　年　　　月分</t>
    <rPh sb="6" eb="7">
      <t>ネン</t>
    </rPh>
    <rPh sb="10" eb="11">
      <t>ガツ</t>
    </rPh>
    <rPh sb="11" eb="12">
      <t>ブン</t>
    </rPh>
    <phoneticPr fontId="3"/>
  </si>
  <si>
    <t xml:space="preserve"> 「盲ろう」：同行援護従業者養成研修を修了し、盲ろう者向け通訳･介助員資格を有する者</t>
    <phoneticPr fontId="3"/>
  </si>
  <si>
    <t>※　ヘルパー資格　「基礎」：基礎研修課程修了者、「通訳」：盲ろう者向け通訳･介助員資格のみの者、</t>
    <rPh sb="6" eb="8">
      <t>シカク</t>
    </rPh>
    <rPh sb="10" eb="12">
      <t>キソ</t>
    </rPh>
    <rPh sb="14" eb="16">
      <t>キソ</t>
    </rPh>
    <rPh sb="16" eb="18">
      <t>ケンシュウ</t>
    </rPh>
    <rPh sb="18" eb="20">
      <t>カテイ</t>
    </rPh>
    <rPh sb="20" eb="23">
      <t>シュウリョウシャ</t>
    </rPh>
    <rPh sb="25" eb="27">
      <t>ツウヤク</t>
    </rPh>
    <rPh sb="29" eb="30">
      <t>モウ</t>
    </rPh>
    <rPh sb="32" eb="33">
      <t>シャ</t>
    </rPh>
    <rPh sb="33" eb="34">
      <t>ム</t>
    </rPh>
    <rPh sb="35" eb="37">
      <t>ツウヤク</t>
    </rPh>
    <rPh sb="38" eb="40">
      <t>カイジョ</t>
    </rPh>
    <rPh sb="40" eb="41">
      <t>イン</t>
    </rPh>
    <rPh sb="41" eb="43">
      <t>シカク</t>
    </rPh>
    <rPh sb="46" eb="47">
      <t>モノ</t>
    </rPh>
    <phoneticPr fontId="3"/>
  </si>
  <si>
    <t>※　サービス提供状況欄は、入院または入院（長期）の場合に○をつけてください。入院していない場合はそのままにしておいてください。</t>
    <rPh sb="6" eb="8">
      <t>テイキョウ</t>
    </rPh>
    <rPh sb="8" eb="10">
      <t>ジョウキョウ</t>
    </rPh>
    <rPh sb="10" eb="11">
      <t>ラン</t>
    </rPh>
    <rPh sb="13" eb="15">
      <t>ニュウイン</t>
    </rPh>
    <rPh sb="18" eb="20">
      <t>ニュウイン</t>
    </rPh>
    <rPh sb="21" eb="23">
      <t>チョウキ</t>
    </rPh>
    <rPh sb="25" eb="27">
      <t>バアイ</t>
    </rPh>
    <rPh sb="38" eb="40">
      <t>ニュウイン</t>
    </rPh>
    <rPh sb="45" eb="47">
      <t>バアイ</t>
    </rPh>
    <phoneticPr fontId="3"/>
  </si>
  <si>
    <t>初回加算は、備考欄の上にサービス提供責任者の訪問日を記入し、サ責印を押印してください。</t>
    <rPh sb="0" eb="2">
      <t>ショカイ</t>
    </rPh>
    <rPh sb="2" eb="4">
      <t>カサン</t>
    </rPh>
    <rPh sb="6" eb="8">
      <t>ビコウ</t>
    </rPh>
    <rPh sb="8" eb="9">
      <t>ラン</t>
    </rPh>
    <rPh sb="10" eb="11">
      <t>ウエ</t>
    </rPh>
    <rPh sb="16" eb="18">
      <t>テイキョウ</t>
    </rPh>
    <rPh sb="18" eb="21">
      <t>セキニンシャ</t>
    </rPh>
    <rPh sb="22" eb="25">
      <t>ホウモンビ</t>
    </rPh>
    <rPh sb="26" eb="28">
      <t>キニュウ</t>
    </rPh>
    <rPh sb="31" eb="32">
      <t>セキ</t>
    </rPh>
    <rPh sb="32" eb="33">
      <t>イン</t>
    </rPh>
    <rPh sb="34" eb="36">
      <t>オウイン</t>
    </rPh>
    <phoneticPr fontId="3"/>
  </si>
  <si>
    <t>障害支援区分</t>
    <rPh sb="0" eb="2">
      <t>ショウガイ</t>
    </rPh>
    <rPh sb="2" eb="4">
      <t>シエン</t>
    </rPh>
    <rPh sb="4" eb="6">
      <t>クブン</t>
    </rPh>
    <phoneticPr fontId="3"/>
  </si>
  <si>
    <t>4・5・6</t>
    <phoneticPr fontId="3"/>
  </si>
  <si>
    <t>なし・1・2</t>
    <phoneticPr fontId="3"/>
  </si>
  <si>
    <t>同行援護サービス提供実績記録票</t>
    <rPh sb="0" eb="2">
      <t>ドウコウ</t>
    </rPh>
    <rPh sb="2" eb="4">
      <t>エンゴ</t>
    </rPh>
    <rPh sb="8" eb="10">
      <t>テイキョウ</t>
    </rPh>
    <rPh sb="10" eb="12">
      <t>ジッセキ</t>
    </rPh>
    <rPh sb="12" eb="14">
      <t>キロク</t>
    </rPh>
    <rPh sb="14" eb="15">
      <t>ヒョウ</t>
    </rPh>
    <phoneticPr fontId="3"/>
  </si>
  <si>
    <t>サービス
提供者欄</t>
    <rPh sb="5" eb="7">
      <t>テイキョウ</t>
    </rPh>
    <rPh sb="7" eb="8">
      <t>シャ</t>
    </rPh>
    <rPh sb="8" eb="9">
      <t>ラン</t>
    </rPh>
    <phoneticPr fontId="3"/>
  </si>
  <si>
    <t>利用者確認欄</t>
    <rPh sb="0" eb="3">
      <t>リヨウシャ</t>
    </rPh>
    <rPh sb="3" eb="5">
      <t>カクニン</t>
    </rPh>
    <rPh sb="5" eb="6">
      <t>ラン</t>
    </rPh>
    <phoneticPr fontId="3"/>
  </si>
  <si>
    <t>利用者
確認欄</t>
    <rPh sb="0" eb="3">
      <t>リヨウシャ</t>
    </rPh>
    <rPh sb="4" eb="6">
      <t>カクニン</t>
    </rPh>
    <rPh sb="6" eb="7">
      <t>ラン</t>
    </rPh>
    <phoneticPr fontId="3"/>
  </si>
  <si>
    <t>サービス
提供者欄</t>
    <rPh sb="5" eb="7">
      <t>テイキョウ</t>
    </rPh>
    <rPh sb="7" eb="8">
      <t>シャ</t>
    </rPh>
    <phoneticPr fontId="3"/>
  </si>
  <si>
    <t>利用者
確認欄</t>
    <rPh sb="0" eb="3">
      <t>リヨウシャ</t>
    </rPh>
    <phoneticPr fontId="3"/>
  </si>
  <si>
    <t>移動緊急</t>
    <rPh sb="0" eb="2">
      <t>イドウ</t>
    </rPh>
    <rPh sb="2" eb="4">
      <t>キンキュウ</t>
    </rPh>
    <phoneticPr fontId="3"/>
  </si>
  <si>
    <t>サ責名</t>
    <rPh sb="1" eb="2">
      <t>セキ</t>
    </rPh>
    <rPh sb="2" eb="3">
      <t>メイ</t>
    </rPh>
    <phoneticPr fontId="3"/>
  </si>
  <si>
    <t>サ責訪問日</t>
    <rPh sb="1" eb="2">
      <t>セキ</t>
    </rPh>
    <rPh sb="2" eb="4">
      <t>ホウモン</t>
    </rPh>
    <rPh sb="4" eb="5">
      <t>ヒ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6">
    <font>
      <sz val="10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9"/>
      <name val="ＭＳ Ｐゴシック"/>
      <family val="3"/>
      <charset val="128"/>
    </font>
    <font>
      <b/>
      <sz val="11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7"/>
      <name val="ＭＳ Ｐゴシック"/>
      <family val="3"/>
      <charset val="128"/>
    </font>
    <font>
      <sz val="9"/>
      <color theme="0" tint="-0.34998626667073579"/>
      <name val="ＭＳ Ｐゴシック"/>
      <family val="3"/>
      <charset val="128"/>
    </font>
    <font>
      <sz val="8"/>
      <name val="HGPｺﾞｼｯｸM"/>
      <family val="3"/>
      <charset val="128"/>
    </font>
    <font>
      <sz val="9"/>
      <color theme="1"/>
      <name val="ＭＳ Ｐゴシック"/>
      <family val="3"/>
      <charset val="128"/>
    </font>
    <font>
      <sz val="7"/>
      <name val="HGPｺﾞｼｯｸM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55"/>
        <bgColor indexed="64"/>
      </patternFill>
    </fill>
    <fill>
      <patternFill patternType="solid">
        <fgColor indexed="22"/>
        <bgColor indexed="64"/>
      </patternFill>
    </fill>
  </fills>
  <borders count="111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double">
        <color indexed="64"/>
      </left>
      <right/>
      <top style="thin">
        <color indexed="64"/>
      </top>
      <bottom/>
      <diagonal/>
    </border>
    <border>
      <left style="double">
        <color indexed="64"/>
      </left>
      <right/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double">
        <color indexed="64"/>
      </right>
      <top style="thin">
        <color indexed="64"/>
      </top>
      <bottom/>
      <diagonal/>
    </border>
    <border>
      <left/>
      <right style="double">
        <color indexed="64"/>
      </right>
      <top/>
      <bottom style="double">
        <color indexed="64"/>
      </bottom>
      <diagonal/>
    </border>
    <border>
      <left style="double">
        <color indexed="64"/>
      </left>
      <right/>
      <top/>
      <bottom/>
      <diagonal/>
    </border>
    <border>
      <left style="double">
        <color indexed="64"/>
      </left>
      <right/>
      <top/>
      <bottom style="thin">
        <color indexed="64"/>
      </bottom>
      <diagonal/>
    </border>
    <border>
      <left/>
      <right style="double">
        <color indexed="64"/>
      </right>
      <top/>
      <bottom style="thin">
        <color indexed="64"/>
      </bottom>
      <diagonal/>
    </border>
    <border>
      <left/>
      <right style="double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dotted">
        <color indexed="64"/>
      </bottom>
      <diagonal/>
    </border>
    <border>
      <left style="hair">
        <color indexed="64"/>
      </left>
      <right style="hair">
        <color indexed="64"/>
      </right>
      <top/>
      <bottom style="dotted">
        <color indexed="64"/>
      </bottom>
      <diagonal/>
    </border>
    <border>
      <left style="hair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double">
        <color indexed="64"/>
      </top>
      <bottom/>
      <diagonal/>
    </border>
    <border>
      <left style="hair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hair">
        <color indexed="64"/>
      </right>
      <top style="dotted">
        <color indexed="64"/>
      </top>
      <bottom/>
      <diagonal/>
    </border>
    <border>
      <left style="hair">
        <color indexed="64"/>
      </left>
      <right style="hair">
        <color indexed="64"/>
      </right>
      <top style="dotted">
        <color indexed="64"/>
      </top>
      <bottom/>
      <diagonal/>
    </border>
    <border>
      <left style="hair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hair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dotted">
        <color indexed="64"/>
      </right>
      <top style="thin">
        <color indexed="64"/>
      </top>
      <bottom/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/>
      <diagonal/>
    </border>
    <border>
      <left style="dotted">
        <color indexed="64"/>
      </left>
      <right/>
      <top/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/>
      <top/>
      <bottom style="double">
        <color indexed="64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double">
        <color indexed="64"/>
      </left>
      <right style="hair">
        <color indexed="64"/>
      </right>
      <top style="thin">
        <color indexed="64"/>
      </top>
      <bottom/>
      <diagonal/>
    </border>
    <border>
      <left style="double">
        <color indexed="64"/>
      </left>
      <right style="hair">
        <color indexed="64"/>
      </right>
      <top/>
      <bottom/>
      <diagonal/>
    </border>
    <border>
      <left style="double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/>
      <bottom/>
      <diagonal/>
    </border>
    <border>
      <left style="dotted">
        <color indexed="64"/>
      </left>
      <right/>
      <top/>
      <bottom/>
      <diagonal/>
    </border>
    <border>
      <left style="double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/>
      <right style="double">
        <color indexed="64"/>
      </right>
      <top style="double">
        <color indexed="64"/>
      </top>
      <bottom style="double">
        <color indexed="64"/>
      </bottom>
      <diagonal/>
    </border>
    <border>
      <left/>
      <right style="hair">
        <color indexed="64"/>
      </right>
      <top style="double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/>
      <top style="double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</borders>
  <cellStyleXfs count="2">
    <xf numFmtId="0" fontId="0" fillId="0" borderId="0"/>
    <xf numFmtId="0" fontId="2" fillId="0" borderId="0"/>
  </cellStyleXfs>
  <cellXfs count="676">
    <xf numFmtId="0" fontId="0" fillId="0" borderId="0" xfId="0"/>
    <xf numFmtId="0" fontId="6" fillId="0" borderId="6" xfId="1" applyFont="1" applyBorder="1" applyAlignment="1">
      <alignment vertical="center"/>
    </xf>
    <xf numFmtId="0" fontId="4" fillId="0" borderId="7" xfId="1" applyFont="1" applyBorder="1" applyAlignment="1">
      <alignment vertical="center"/>
    </xf>
    <xf numFmtId="0" fontId="4" fillId="0" borderId="8" xfId="1" applyFont="1" applyBorder="1" applyAlignment="1">
      <alignment vertical="center"/>
    </xf>
    <xf numFmtId="0" fontId="4" fillId="0" borderId="6" xfId="1" applyFont="1" applyBorder="1" applyAlignment="1">
      <alignment vertical="center"/>
    </xf>
    <xf numFmtId="0" fontId="4" fillId="0" borderId="0" xfId="1" applyFont="1"/>
    <xf numFmtId="0" fontId="6" fillId="0" borderId="9" xfId="1" applyFont="1" applyBorder="1" applyAlignment="1">
      <alignment vertical="center"/>
    </xf>
    <xf numFmtId="0" fontId="4" fillId="0" borderId="10" xfId="1" applyFont="1" applyBorder="1" applyAlignment="1">
      <alignment vertical="center"/>
    </xf>
    <xf numFmtId="0" fontId="4" fillId="0" borderId="0" xfId="1" applyFont="1" applyBorder="1" applyAlignment="1">
      <alignment vertical="center"/>
    </xf>
    <xf numFmtId="0" fontId="4" fillId="0" borderId="3" xfId="1" applyFont="1" applyBorder="1" applyAlignment="1">
      <alignment vertical="center"/>
    </xf>
    <xf numFmtId="0" fontId="4" fillId="0" borderId="0" xfId="1" applyFont="1" applyAlignment="1"/>
    <xf numFmtId="0" fontId="4" fillId="0" borderId="0" xfId="1" applyFont="1" applyFill="1"/>
    <xf numFmtId="0" fontId="4" fillId="0" borderId="7" xfId="1" applyFont="1" applyBorder="1"/>
    <xf numFmtId="0" fontId="4" fillId="0" borderId="8" xfId="1" applyFont="1" applyBorder="1"/>
    <xf numFmtId="0" fontId="4" fillId="0" borderId="0" xfId="1" applyFont="1" applyBorder="1"/>
    <xf numFmtId="0" fontId="4" fillId="0" borderId="3" xfId="1" applyFont="1" applyBorder="1"/>
    <xf numFmtId="0" fontId="4" fillId="0" borderId="0" xfId="1" applyFont="1" applyBorder="1" applyAlignment="1"/>
    <xf numFmtId="0" fontId="4" fillId="0" borderId="0" xfId="1" applyFont="1" applyBorder="1" applyAlignment="1">
      <alignment horizontal="center"/>
    </xf>
    <xf numFmtId="0" fontId="7" fillId="0" borderId="0" xfId="1" applyFont="1"/>
    <xf numFmtId="0" fontId="8" fillId="0" borderId="0" xfId="1" applyFont="1"/>
    <xf numFmtId="0" fontId="2" fillId="0" borderId="0" xfId="1" applyFont="1"/>
    <xf numFmtId="0" fontId="2" fillId="0" borderId="0" xfId="1" applyFont="1" applyBorder="1" applyAlignment="1"/>
    <xf numFmtId="0" fontId="9" fillId="0" borderId="0" xfId="1" applyFont="1"/>
    <xf numFmtId="0" fontId="2" fillId="0" borderId="12" xfId="1" applyFont="1" applyBorder="1" applyAlignment="1">
      <alignment vertical="center"/>
    </xf>
    <xf numFmtId="0" fontId="2" fillId="0" borderId="2" xfId="1" applyFont="1" applyBorder="1" applyAlignment="1">
      <alignment vertical="center"/>
    </xf>
    <xf numFmtId="0" fontId="2" fillId="0" borderId="11" xfId="1" applyFont="1" applyBorder="1" applyAlignment="1">
      <alignment vertical="center"/>
    </xf>
    <xf numFmtId="0" fontId="4" fillId="0" borderId="2" xfId="1" applyFont="1" applyBorder="1" applyAlignment="1">
      <alignment horizontal="left" vertical="center"/>
    </xf>
    <xf numFmtId="0" fontId="4" fillId="0" borderId="11" xfId="1" applyFont="1" applyBorder="1" applyAlignment="1">
      <alignment horizontal="left" vertical="center"/>
    </xf>
    <xf numFmtId="0" fontId="2" fillId="0" borderId="9" xfId="1" applyFont="1" applyBorder="1" applyAlignment="1">
      <alignment vertical="center"/>
    </xf>
    <xf numFmtId="0" fontId="2" fillId="0" borderId="4" xfId="1" applyFont="1" applyBorder="1" applyAlignment="1">
      <alignment vertical="center"/>
    </xf>
    <xf numFmtId="0" fontId="2" fillId="0" borderId="5" xfId="1" applyFont="1" applyBorder="1" applyAlignment="1">
      <alignment vertical="center"/>
    </xf>
    <xf numFmtId="0" fontId="4" fillId="0" borderId="4" xfId="1" applyFont="1" applyBorder="1" applyAlignment="1">
      <alignment horizontal="left" vertical="center"/>
    </xf>
    <xf numFmtId="0" fontId="4" fillId="0" borderId="5" xfId="1" applyFont="1" applyBorder="1" applyAlignment="1">
      <alignment horizontal="left" vertical="center"/>
    </xf>
    <xf numFmtId="0" fontId="2" fillId="0" borderId="10" xfId="1" applyFont="1" applyBorder="1" applyAlignment="1">
      <alignment vertical="center"/>
    </xf>
    <xf numFmtId="0" fontId="2" fillId="0" borderId="0" xfId="1" applyFont="1" applyBorder="1" applyAlignment="1">
      <alignment vertical="center"/>
    </xf>
    <xf numFmtId="0" fontId="2" fillId="0" borderId="3" xfId="1" applyFont="1" applyBorder="1" applyAlignment="1">
      <alignment vertical="center"/>
    </xf>
    <xf numFmtId="0" fontId="2" fillId="0" borderId="13" xfId="1" applyFont="1" applyBorder="1" applyAlignment="1">
      <alignment vertical="center"/>
    </xf>
    <xf numFmtId="0" fontId="2" fillId="0" borderId="14" xfId="1" applyFont="1" applyBorder="1" applyAlignment="1">
      <alignment vertical="center"/>
    </xf>
    <xf numFmtId="0" fontId="2" fillId="0" borderId="10" xfId="1" applyFont="1" applyFill="1" applyBorder="1" applyAlignment="1">
      <alignment vertical="center"/>
    </xf>
    <xf numFmtId="0" fontId="2" fillId="0" borderId="0" xfId="1" applyFont="1" applyFill="1" applyBorder="1" applyAlignment="1">
      <alignment vertical="center"/>
    </xf>
    <xf numFmtId="0" fontId="9" fillId="0" borderId="0" xfId="1" applyFont="1" applyBorder="1"/>
    <xf numFmtId="0" fontId="9" fillId="0" borderId="3" xfId="1" applyFont="1" applyBorder="1"/>
    <xf numFmtId="0" fontId="2" fillId="0" borderId="9" xfId="1" applyFont="1" applyFill="1" applyBorder="1" applyAlignment="1">
      <alignment vertical="center"/>
    </xf>
    <xf numFmtId="0" fontId="2" fillId="0" borderId="4" xfId="1" applyFont="1" applyFill="1" applyBorder="1" applyAlignment="1">
      <alignment vertical="center"/>
    </xf>
    <xf numFmtId="0" fontId="9" fillId="0" borderId="4" xfId="1" applyFont="1" applyBorder="1"/>
    <xf numFmtId="0" fontId="9" fillId="0" borderId="5" xfId="1" applyFont="1" applyBorder="1"/>
    <xf numFmtId="0" fontId="9" fillId="0" borderId="0" xfId="1" applyFont="1" applyBorder="1" applyAlignment="1"/>
    <xf numFmtId="0" fontId="2" fillId="0" borderId="0" xfId="1" applyFont="1" applyBorder="1" applyAlignment="1">
      <alignment vertical="top"/>
    </xf>
    <xf numFmtId="0" fontId="4" fillId="2" borderId="2" xfId="1" applyFont="1" applyFill="1" applyBorder="1" applyAlignment="1">
      <alignment horizontal="center" vertical="center"/>
    </xf>
    <xf numFmtId="0" fontId="4" fillId="2" borderId="11" xfId="1" applyFont="1" applyFill="1" applyBorder="1" applyAlignment="1">
      <alignment horizontal="center" vertical="center"/>
    </xf>
    <xf numFmtId="0" fontId="4" fillId="2" borderId="4" xfId="1" applyFont="1" applyFill="1" applyBorder="1" applyAlignment="1">
      <alignment horizontal="center" vertical="center"/>
    </xf>
    <xf numFmtId="0" fontId="4" fillId="2" borderId="5" xfId="1" applyFont="1" applyFill="1" applyBorder="1" applyAlignment="1">
      <alignment horizontal="center" vertical="center"/>
    </xf>
    <xf numFmtId="0" fontId="4" fillId="0" borderId="15" xfId="1" applyFont="1" applyBorder="1"/>
    <xf numFmtId="0" fontId="4" fillId="0" borderId="16" xfId="1" applyFont="1" applyBorder="1"/>
    <xf numFmtId="0" fontId="4" fillId="0" borderId="0" xfId="1" applyFont="1" applyFill="1" applyBorder="1"/>
    <xf numFmtId="0" fontId="4" fillId="0" borderId="17" xfId="1" applyFont="1" applyBorder="1"/>
    <xf numFmtId="0" fontId="4" fillId="0" borderId="18" xfId="1" applyFont="1" applyBorder="1"/>
    <xf numFmtId="0" fontId="4" fillId="0" borderId="19" xfId="1" applyFont="1" applyBorder="1" applyAlignment="1"/>
    <xf numFmtId="0" fontId="4" fillId="0" borderId="20" xfId="1" applyFont="1" applyBorder="1"/>
    <xf numFmtId="0" fontId="4" fillId="0" borderId="0" xfId="1" applyFont="1" applyAlignment="1">
      <alignment vertical="center"/>
    </xf>
    <xf numFmtId="0" fontId="10" fillId="0" borderId="0" xfId="1" applyFont="1"/>
    <xf numFmtId="0" fontId="4" fillId="0" borderId="6" xfId="1" applyFont="1" applyBorder="1"/>
    <xf numFmtId="0" fontId="4" fillId="0" borderId="10" xfId="1" applyFont="1" applyBorder="1"/>
    <xf numFmtId="0" fontId="4" fillId="0" borderId="9" xfId="1" applyFont="1" applyBorder="1" applyAlignment="1">
      <alignment vertical="center" wrapText="1"/>
    </xf>
    <xf numFmtId="0" fontId="4" fillId="0" borderId="4" xfId="1" applyFont="1" applyBorder="1" applyAlignment="1">
      <alignment vertical="center" wrapText="1"/>
    </xf>
    <xf numFmtId="0" fontId="4" fillId="0" borderId="0" xfId="1" applyFont="1" applyBorder="1" applyAlignment="1">
      <alignment horizontal="left" vertical="center"/>
    </xf>
    <xf numFmtId="0" fontId="2" fillId="0" borderId="23" xfId="1" applyFont="1" applyBorder="1" applyAlignment="1">
      <alignment vertical="center"/>
    </xf>
    <xf numFmtId="0" fontId="4" fillId="0" borderId="13" xfId="1" applyFont="1" applyBorder="1" applyAlignment="1">
      <alignment horizontal="center" vertical="center"/>
    </xf>
    <xf numFmtId="0" fontId="4" fillId="0" borderId="0" xfId="1" applyFont="1" applyBorder="1" applyAlignment="1">
      <alignment vertical="top" textRotation="255" shrinkToFit="1"/>
    </xf>
    <xf numFmtId="0" fontId="4" fillId="0" borderId="0" xfId="1" applyFont="1" applyFill="1" applyBorder="1" applyAlignment="1">
      <alignment vertical="center"/>
    </xf>
    <xf numFmtId="0" fontId="4" fillId="0" borderId="0" xfId="1" applyFont="1" applyFill="1" applyBorder="1" applyAlignment="1">
      <alignment vertical="center" wrapText="1"/>
    </xf>
    <xf numFmtId="0" fontId="4" fillId="0" borderId="3" xfId="1" applyFont="1" applyFill="1" applyBorder="1" applyAlignment="1">
      <alignment vertical="center"/>
    </xf>
    <xf numFmtId="0" fontId="4" fillId="0" borderId="10" xfId="1" applyFont="1" applyFill="1" applyBorder="1" applyAlignment="1">
      <alignment vertical="center" wrapText="1"/>
    </xf>
    <xf numFmtId="0" fontId="4" fillId="0" borderId="15" xfId="1" applyFont="1" applyFill="1" applyBorder="1" applyAlignment="1">
      <alignment vertical="center" wrapText="1"/>
    </xf>
    <xf numFmtId="0" fontId="4" fillId="0" borderId="9" xfId="1" applyFont="1" applyFill="1" applyBorder="1" applyAlignment="1">
      <alignment vertical="center"/>
    </xf>
    <xf numFmtId="0" fontId="4" fillId="0" borderId="4" xfId="1" applyFont="1" applyFill="1" applyBorder="1" applyAlignment="1">
      <alignment vertical="center"/>
    </xf>
    <xf numFmtId="0" fontId="4" fillId="0" borderId="24" xfId="1" applyFont="1" applyFill="1" applyBorder="1" applyAlignment="1">
      <alignment vertical="center"/>
    </xf>
    <xf numFmtId="0" fontId="4" fillId="0" borderId="5" xfId="1" applyFont="1" applyFill="1" applyBorder="1" applyAlignment="1">
      <alignment vertical="center"/>
    </xf>
    <xf numFmtId="0" fontId="3" fillId="0" borderId="0" xfId="1" applyFont="1" applyBorder="1" applyAlignment="1">
      <alignment horizontal="center" vertical="center"/>
    </xf>
    <xf numFmtId="0" fontId="2" fillId="3" borderId="2" xfId="1" applyFont="1" applyFill="1" applyBorder="1" applyAlignment="1">
      <alignment vertical="center"/>
    </xf>
    <xf numFmtId="0" fontId="2" fillId="0" borderId="3" xfId="1" applyFont="1" applyFill="1" applyBorder="1" applyAlignment="1">
      <alignment vertical="center"/>
    </xf>
    <xf numFmtId="0" fontId="2" fillId="0" borderId="5" xfId="1" applyFont="1" applyFill="1" applyBorder="1" applyAlignment="1">
      <alignment vertical="center"/>
    </xf>
    <xf numFmtId="0" fontId="2" fillId="3" borderId="4" xfId="1" applyFont="1" applyFill="1" applyBorder="1" applyAlignment="1">
      <alignment vertical="center"/>
    </xf>
    <xf numFmtId="0" fontId="2" fillId="3" borderId="10" xfId="1" applyFont="1" applyFill="1" applyBorder="1" applyAlignment="1">
      <alignment vertical="center"/>
    </xf>
    <xf numFmtId="0" fontId="2" fillId="3" borderId="0" xfId="1" applyFont="1" applyFill="1" applyBorder="1" applyAlignment="1">
      <alignment vertical="center"/>
    </xf>
    <xf numFmtId="0" fontId="2" fillId="3" borderId="3" xfId="1" applyFont="1" applyFill="1" applyBorder="1" applyAlignment="1">
      <alignment vertical="center"/>
    </xf>
    <xf numFmtId="0" fontId="2" fillId="3" borderId="9" xfId="1" applyFont="1" applyFill="1" applyBorder="1" applyAlignment="1">
      <alignment vertical="center"/>
    </xf>
    <xf numFmtId="0" fontId="2" fillId="3" borderId="5" xfId="1" applyFont="1" applyFill="1" applyBorder="1" applyAlignment="1">
      <alignment vertical="center"/>
    </xf>
    <xf numFmtId="0" fontId="4" fillId="0" borderId="4" xfId="1" applyFont="1" applyBorder="1" applyAlignment="1">
      <alignment vertical="top" textRotation="255" shrinkToFit="1"/>
    </xf>
    <xf numFmtId="0" fontId="5" fillId="0" borderId="0" xfId="1" applyFont="1"/>
    <xf numFmtId="0" fontId="5" fillId="0" borderId="19" xfId="1" applyFont="1" applyBorder="1" applyAlignment="1">
      <alignment vertical="top"/>
    </xf>
    <xf numFmtId="0" fontId="9" fillId="0" borderId="19" xfId="1" applyFont="1" applyBorder="1" applyAlignment="1"/>
    <xf numFmtId="0" fontId="2" fillId="0" borderId="19" xfId="1" applyFont="1" applyBorder="1" applyAlignment="1">
      <alignment vertical="top"/>
    </xf>
    <xf numFmtId="0" fontId="2" fillId="0" borderId="19" xfId="1" applyFont="1" applyBorder="1" applyAlignment="1"/>
    <xf numFmtId="0" fontId="2" fillId="0" borderId="19" xfId="1" applyFont="1" applyBorder="1" applyAlignment="1">
      <alignment vertical="center"/>
    </xf>
    <xf numFmtId="0" fontId="9" fillId="0" borderId="15" xfId="1" applyFont="1" applyBorder="1"/>
    <xf numFmtId="0" fontId="9" fillId="0" borderId="0" xfId="1" applyFont="1" applyAlignment="1">
      <alignment horizontal="center"/>
    </xf>
    <xf numFmtId="0" fontId="2" fillId="0" borderId="28" xfId="1" applyFont="1" applyFill="1" applyBorder="1" applyAlignment="1">
      <alignment vertical="center"/>
    </xf>
    <xf numFmtId="0" fontId="9" fillId="0" borderId="10" xfId="1" applyFont="1" applyBorder="1"/>
    <xf numFmtId="0" fontId="2" fillId="0" borderId="29" xfId="1" applyFont="1" applyFill="1" applyBorder="1" applyAlignment="1">
      <alignment vertical="center"/>
    </xf>
    <xf numFmtId="0" fontId="9" fillId="0" borderId="9" xfId="1" applyFont="1" applyBorder="1"/>
    <xf numFmtId="0" fontId="9" fillId="0" borderId="2" xfId="1" applyFont="1" applyBorder="1" applyAlignment="1">
      <alignment vertical="center"/>
    </xf>
    <xf numFmtId="0" fontId="1" fillId="0" borderId="2" xfId="1" applyFont="1" applyBorder="1" applyAlignment="1">
      <alignment horizontal="center" vertical="center"/>
    </xf>
    <xf numFmtId="0" fontId="9" fillId="0" borderId="4" xfId="1" applyFont="1" applyBorder="1" applyAlignment="1">
      <alignment vertical="center"/>
    </xf>
    <xf numFmtId="0" fontId="1" fillId="0" borderId="4" xfId="1" applyFont="1" applyBorder="1" applyAlignment="1">
      <alignment horizontal="center" vertical="center"/>
    </xf>
    <xf numFmtId="0" fontId="4" fillId="3" borderId="12" xfId="1" applyFont="1" applyFill="1" applyBorder="1" applyAlignment="1">
      <alignment vertical="center"/>
    </xf>
    <xf numFmtId="0" fontId="2" fillId="3" borderId="11" xfId="1" applyFont="1" applyFill="1" applyBorder="1" applyAlignment="1">
      <alignment vertical="center"/>
    </xf>
    <xf numFmtId="0" fontId="2" fillId="3" borderId="26" xfId="1" applyFont="1" applyFill="1" applyBorder="1" applyAlignment="1">
      <alignment vertical="center"/>
    </xf>
    <xf numFmtId="0" fontId="2" fillId="3" borderId="30" xfId="1" applyFont="1" applyFill="1" applyBorder="1" applyAlignment="1">
      <alignment vertical="center"/>
    </xf>
    <xf numFmtId="0" fontId="2" fillId="3" borderId="31" xfId="1" applyFont="1" applyFill="1" applyBorder="1" applyAlignment="1">
      <alignment vertical="center"/>
    </xf>
    <xf numFmtId="0" fontId="5" fillId="0" borderId="12" xfId="1" applyFont="1" applyBorder="1" applyAlignment="1">
      <alignment vertical="center"/>
    </xf>
    <xf numFmtId="0" fontId="5" fillId="0" borderId="2" xfId="1" applyFont="1" applyBorder="1" applyAlignment="1">
      <alignment vertical="center"/>
    </xf>
    <xf numFmtId="0" fontId="5" fillId="0" borderId="9" xfId="1" applyFont="1" applyBorder="1" applyAlignment="1">
      <alignment vertical="center"/>
    </xf>
    <xf numFmtId="0" fontId="5" fillId="0" borderId="4" xfId="1" applyFont="1" applyBorder="1" applyAlignment="1">
      <alignment vertical="center"/>
    </xf>
    <xf numFmtId="0" fontId="4" fillId="0" borderId="9" xfId="1" applyFont="1" applyBorder="1" applyAlignment="1">
      <alignment vertical="center" shrinkToFit="1"/>
    </xf>
    <xf numFmtId="0" fontId="4" fillId="0" borderId="4" xfId="1" applyFont="1" applyBorder="1" applyAlignment="1">
      <alignment vertical="center" shrinkToFit="1"/>
    </xf>
    <xf numFmtId="0" fontId="5" fillId="0" borderId="23" xfId="1" applyFont="1" applyBorder="1" applyAlignment="1">
      <alignment vertical="center"/>
    </xf>
    <xf numFmtId="0" fontId="5" fillId="0" borderId="13" xfId="1" applyFont="1" applyBorder="1" applyAlignment="1">
      <alignment vertical="center"/>
    </xf>
    <xf numFmtId="0" fontId="4" fillId="0" borderId="9" xfId="1" applyFont="1" applyBorder="1" applyAlignment="1">
      <alignment vertical="center"/>
    </xf>
    <xf numFmtId="0" fontId="11" fillId="0" borderId="2" xfId="1" applyFont="1" applyBorder="1" applyAlignment="1">
      <alignment vertical="center"/>
    </xf>
    <xf numFmtId="0" fontId="11" fillId="0" borderId="4" xfId="1" applyFont="1" applyBorder="1" applyAlignment="1">
      <alignment vertical="center"/>
    </xf>
    <xf numFmtId="0" fontId="11" fillId="0" borderId="13" xfId="1" applyFont="1" applyBorder="1" applyAlignment="1">
      <alignment vertical="center"/>
    </xf>
    <xf numFmtId="0" fontId="4" fillId="0" borderId="19" xfId="1" applyFont="1" applyBorder="1" applyAlignment="1">
      <alignment vertical="center"/>
    </xf>
    <xf numFmtId="0" fontId="11" fillId="0" borderId="12" xfId="1" applyFont="1" applyBorder="1" applyAlignment="1">
      <alignment vertical="center"/>
    </xf>
    <xf numFmtId="0" fontId="11" fillId="0" borderId="9" xfId="1" applyFont="1" applyBorder="1" applyAlignment="1">
      <alignment vertical="center"/>
    </xf>
    <xf numFmtId="0" fontId="11" fillId="0" borderId="23" xfId="1" applyFont="1" applyBorder="1" applyAlignment="1">
      <alignment vertical="center"/>
    </xf>
    <xf numFmtId="0" fontId="4" fillId="0" borderId="2" xfId="1" applyFont="1" applyBorder="1" applyAlignment="1">
      <alignment vertical="center" textRotation="255"/>
    </xf>
    <xf numFmtId="0" fontId="4" fillId="0" borderId="0" xfId="1" applyFont="1" applyBorder="1" applyAlignment="1">
      <alignment vertical="center" textRotation="255"/>
    </xf>
    <xf numFmtId="0" fontId="4" fillId="0" borderId="0" xfId="1" applyFont="1" applyBorder="1" applyAlignment="1">
      <alignment vertical="top"/>
    </xf>
    <xf numFmtId="0" fontId="4" fillId="0" borderId="32" xfId="1" applyFont="1" applyBorder="1"/>
    <xf numFmtId="0" fontId="4" fillId="0" borderId="19" xfId="1" applyFont="1" applyBorder="1" applyAlignment="1">
      <alignment vertical="top"/>
    </xf>
    <xf numFmtId="0" fontId="1" fillId="0" borderId="0" xfId="1" applyFont="1" applyBorder="1" applyAlignment="1">
      <alignment vertical="center"/>
    </xf>
    <xf numFmtId="0" fontId="1" fillId="0" borderId="3" xfId="1" applyFont="1" applyBorder="1" applyAlignment="1">
      <alignment vertical="center"/>
    </xf>
    <xf numFmtId="0" fontId="1" fillId="0" borderId="4" xfId="1" applyFont="1" applyBorder="1" applyAlignment="1">
      <alignment vertical="center"/>
    </xf>
    <xf numFmtId="0" fontId="1" fillId="0" borderId="5" xfId="1" applyFont="1" applyBorder="1" applyAlignment="1">
      <alignment vertical="center"/>
    </xf>
    <xf numFmtId="0" fontId="4" fillId="0" borderId="0" xfId="1" applyFont="1" applyAlignment="1">
      <alignment vertical="top"/>
    </xf>
    <xf numFmtId="0" fontId="4" fillId="0" borderId="32" xfId="1" applyFont="1" applyBorder="1" applyAlignment="1">
      <alignment vertical="top"/>
    </xf>
    <xf numFmtId="0" fontId="4" fillId="0" borderId="78" xfId="1" applyFont="1" applyBorder="1" applyAlignment="1">
      <alignment vertical="center"/>
    </xf>
    <xf numFmtId="0" fontId="4" fillId="0" borderId="31" xfId="1" applyFont="1" applyBorder="1" applyAlignment="1">
      <alignment vertical="center"/>
    </xf>
    <xf numFmtId="0" fontId="4" fillId="0" borderId="30" xfId="1" applyFont="1" applyBorder="1" applyAlignment="1">
      <alignment vertical="center"/>
    </xf>
    <xf numFmtId="0" fontId="2" fillId="0" borderId="31" xfId="1" applyFont="1" applyFill="1" applyBorder="1" applyAlignment="1">
      <alignment vertical="center"/>
    </xf>
    <xf numFmtId="0" fontId="2" fillId="0" borderId="22" xfId="1" applyFont="1" applyFill="1" applyBorder="1" applyAlignment="1">
      <alignment vertical="center"/>
    </xf>
    <xf numFmtId="0" fontId="2" fillId="0" borderId="13" xfId="1" applyFont="1" applyFill="1" applyBorder="1" applyAlignment="1">
      <alignment vertical="center"/>
    </xf>
    <xf numFmtId="0" fontId="2" fillId="0" borderId="23" xfId="1" applyFont="1" applyFill="1" applyBorder="1" applyAlignment="1">
      <alignment vertical="center"/>
    </xf>
    <xf numFmtId="0" fontId="2" fillId="0" borderId="27" xfId="1" applyFont="1" applyFill="1" applyBorder="1" applyAlignment="1">
      <alignment vertical="center"/>
    </xf>
    <xf numFmtId="0" fontId="2" fillId="0" borderId="30" xfId="1" applyFont="1" applyFill="1" applyBorder="1" applyAlignment="1">
      <alignment vertical="center"/>
    </xf>
    <xf numFmtId="0" fontId="4" fillId="0" borderId="2" xfId="1" applyFont="1" applyBorder="1" applyAlignment="1">
      <alignment horizontal="center" vertical="center"/>
    </xf>
    <xf numFmtId="0" fontId="4" fillId="0" borderId="4" xfId="1" applyFont="1" applyBorder="1" applyAlignment="1">
      <alignment horizontal="center" vertical="center"/>
    </xf>
    <xf numFmtId="0" fontId="4" fillId="0" borderId="2" xfId="1" applyFont="1" applyBorder="1" applyAlignment="1">
      <alignment vertical="center"/>
    </xf>
    <xf numFmtId="0" fontId="4" fillId="0" borderId="4" xfId="1" applyFont="1" applyBorder="1" applyAlignment="1">
      <alignment vertical="center"/>
    </xf>
    <xf numFmtId="0" fontId="4" fillId="0" borderId="5" xfId="1" applyFont="1" applyBorder="1" applyAlignment="1">
      <alignment horizontal="center" vertical="center"/>
    </xf>
    <xf numFmtId="0" fontId="4" fillId="0" borderId="1" xfId="1" applyFont="1" applyBorder="1" applyAlignment="1">
      <alignment horizontal="center" vertical="center"/>
    </xf>
    <xf numFmtId="0" fontId="4" fillId="0" borderId="11" xfId="1" applyFont="1" applyBorder="1" applyAlignment="1">
      <alignment horizontal="center" vertical="center"/>
    </xf>
    <xf numFmtId="0" fontId="4" fillId="0" borderId="0" xfId="1" applyFont="1" applyBorder="1" applyAlignment="1">
      <alignment horizontal="center" vertical="center"/>
    </xf>
    <xf numFmtId="0" fontId="4" fillId="0" borderId="4" xfId="1" applyFont="1" applyBorder="1" applyAlignment="1">
      <alignment horizontal="center" vertical="center"/>
    </xf>
    <xf numFmtId="0" fontId="4" fillId="0" borderId="1" xfId="1" applyFont="1" applyBorder="1" applyAlignment="1">
      <alignment horizontal="center" vertical="center"/>
    </xf>
    <xf numFmtId="0" fontId="4" fillId="0" borderId="12" xfId="1" applyFont="1" applyBorder="1" applyAlignment="1">
      <alignment horizontal="center" vertical="center" wrapText="1"/>
    </xf>
    <xf numFmtId="0" fontId="4" fillId="0" borderId="10" xfId="1" applyFont="1" applyBorder="1" applyAlignment="1">
      <alignment horizontal="center" vertical="center" wrapText="1"/>
    </xf>
    <xf numFmtId="0" fontId="4" fillId="0" borderId="9" xfId="1" applyFont="1" applyBorder="1" applyAlignment="1">
      <alignment horizontal="center" vertical="center" wrapText="1"/>
    </xf>
    <xf numFmtId="0" fontId="4" fillId="0" borderId="2" xfId="1" applyFont="1" applyBorder="1" applyAlignment="1">
      <alignment horizontal="center" vertical="center"/>
    </xf>
    <xf numFmtId="0" fontId="4" fillId="0" borderId="0" xfId="1" applyFont="1" applyBorder="1" applyAlignment="1">
      <alignment horizontal="center" vertical="center"/>
    </xf>
    <xf numFmtId="0" fontId="4" fillId="0" borderId="3" xfId="1" applyFont="1" applyBorder="1" applyAlignment="1">
      <alignment horizontal="center" vertical="center"/>
    </xf>
    <xf numFmtId="0" fontId="8" fillId="0" borderId="2" xfId="1" applyFont="1" applyBorder="1" applyAlignment="1">
      <alignment horizontal="center" vertical="center"/>
    </xf>
    <xf numFmtId="0" fontId="8" fillId="0" borderId="21" xfId="1" applyFont="1" applyBorder="1" applyAlignment="1">
      <alignment horizontal="center" vertical="center"/>
    </xf>
    <xf numFmtId="0" fontId="8" fillId="0" borderId="13" xfId="1" applyFont="1" applyBorder="1" applyAlignment="1">
      <alignment horizontal="center" vertical="center"/>
    </xf>
    <xf numFmtId="0" fontId="8" fillId="0" borderId="22" xfId="1" applyFont="1" applyBorder="1" applyAlignment="1">
      <alignment horizontal="center" vertical="center"/>
    </xf>
    <xf numFmtId="0" fontId="4" fillId="0" borderId="4" xfId="1" applyFont="1" applyBorder="1" applyAlignment="1">
      <alignment vertical="center"/>
    </xf>
    <xf numFmtId="0" fontId="8" fillId="0" borderId="26" xfId="1" applyFont="1" applyBorder="1" applyAlignment="1">
      <alignment horizontal="center" vertical="center"/>
    </xf>
    <xf numFmtId="0" fontId="8" fillId="0" borderId="27" xfId="1" applyFont="1" applyBorder="1" applyAlignment="1">
      <alignment horizontal="center" vertical="center"/>
    </xf>
    <xf numFmtId="0" fontId="12" fillId="0" borderId="0" xfId="1" applyFont="1" applyFill="1" applyBorder="1" applyAlignment="1">
      <alignment horizontal="center" vertical="center"/>
    </xf>
    <xf numFmtId="0" fontId="5" fillId="0" borderId="0" xfId="1" applyFont="1" applyBorder="1" applyAlignment="1">
      <alignment vertical="center" textRotation="255" wrapText="1"/>
    </xf>
    <xf numFmtId="0" fontId="5" fillId="0" borderId="19" xfId="1" applyFont="1" applyBorder="1" applyAlignment="1">
      <alignment vertical="center" textRotation="255" wrapText="1"/>
    </xf>
    <xf numFmtId="0" fontId="9" fillId="0" borderId="25" xfId="1" applyFont="1" applyBorder="1" applyAlignment="1"/>
    <xf numFmtId="0" fontId="9" fillId="0" borderId="16" xfId="1" applyFont="1" applyBorder="1" applyAlignment="1"/>
    <xf numFmtId="0" fontId="5" fillId="0" borderId="18" xfId="1" applyFont="1" applyBorder="1" applyAlignment="1">
      <alignment vertical="center" textRotation="255" wrapText="1"/>
    </xf>
    <xf numFmtId="0" fontId="4" fillId="0" borderId="18" xfId="1" applyFont="1" applyBorder="1" applyAlignment="1">
      <alignment vertical="center"/>
    </xf>
    <xf numFmtId="0" fontId="4" fillId="0" borderId="20" xfId="1" applyFont="1" applyBorder="1" applyAlignment="1">
      <alignment vertical="center"/>
    </xf>
    <xf numFmtId="0" fontId="4" fillId="0" borderId="2" xfId="1" applyFont="1" applyBorder="1" applyAlignment="1">
      <alignment horizontal="center" vertical="center"/>
    </xf>
    <xf numFmtId="0" fontId="4" fillId="0" borderId="4" xfId="1" applyFont="1" applyBorder="1" applyAlignment="1">
      <alignment horizontal="center" vertical="center"/>
    </xf>
    <xf numFmtId="0" fontId="4" fillId="0" borderId="5" xfId="1" applyFont="1" applyBorder="1" applyAlignment="1">
      <alignment horizontal="center" vertical="center"/>
    </xf>
    <xf numFmtId="0" fontId="4" fillId="0" borderId="11" xfId="1" applyFont="1" applyBorder="1" applyAlignment="1">
      <alignment horizontal="center" vertical="center"/>
    </xf>
    <xf numFmtId="0" fontId="4" fillId="0" borderId="0" xfId="1" applyFont="1" applyBorder="1" applyAlignment="1">
      <alignment horizontal="center" vertical="center"/>
    </xf>
    <xf numFmtId="0" fontId="4" fillId="0" borderId="0" xfId="1" applyFont="1" applyBorder="1" applyAlignment="1">
      <alignment horizontal="center" vertical="center" shrinkToFit="1"/>
    </xf>
    <xf numFmtId="0" fontId="4" fillId="0" borderId="5" xfId="1" applyFont="1" applyBorder="1" applyAlignment="1">
      <alignment vertical="center"/>
    </xf>
    <xf numFmtId="0" fontId="9" fillId="0" borderId="13" xfId="1" applyFont="1" applyBorder="1" applyAlignment="1">
      <alignment vertical="center"/>
    </xf>
    <xf numFmtId="0" fontId="9" fillId="0" borderId="0" xfId="1" applyFont="1" applyBorder="1" applyAlignment="1">
      <alignment vertical="center"/>
    </xf>
    <xf numFmtId="0" fontId="9" fillId="0" borderId="19" xfId="1" applyFont="1" applyBorder="1"/>
    <xf numFmtId="0" fontId="9" fillId="0" borderId="25" xfId="1" applyFont="1" applyBorder="1"/>
    <xf numFmtId="0" fontId="9" fillId="0" borderId="16" xfId="1" applyFont="1" applyBorder="1"/>
    <xf numFmtId="0" fontId="4" fillId="0" borderId="11" xfId="1" applyFont="1" applyBorder="1" applyAlignment="1">
      <alignment horizontal="center" vertical="center"/>
    </xf>
    <xf numFmtId="0" fontId="4" fillId="0" borderId="5" xfId="1" applyFont="1" applyBorder="1" applyAlignment="1">
      <alignment horizontal="center" vertical="center"/>
    </xf>
    <xf numFmtId="0" fontId="4" fillId="0" borderId="0" xfId="1" applyFont="1" applyBorder="1" applyAlignment="1">
      <alignment horizontal="center" vertical="center"/>
    </xf>
    <xf numFmtId="0" fontId="4" fillId="0" borderId="4" xfId="1" applyFont="1" applyBorder="1" applyAlignment="1">
      <alignment horizontal="center" vertical="center"/>
    </xf>
    <xf numFmtId="0" fontId="4" fillId="0" borderId="2" xfId="1" applyFont="1" applyBorder="1" applyAlignment="1">
      <alignment horizontal="center" vertical="center"/>
    </xf>
    <xf numFmtId="0" fontId="4" fillId="0" borderId="1" xfId="1" applyFont="1" applyBorder="1" applyAlignment="1">
      <alignment horizontal="center" vertical="center"/>
    </xf>
    <xf numFmtId="0" fontId="4" fillId="0" borderId="4" xfId="1" applyFont="1" applyBorder="1" applyAlignment="1">
      <alignment vertical="center"/>
    </xf>
    <xf numFmtId="0" fontId="5" fillId="0" borderId="0" xfId="1" applyFont="1" applyBorder="1" applyAlignment="1">
      <alignment horizontal="center" vertical="center"/>
    </xf>
    <xf numFmtId="0" fontId="4" fillId="0" borderId="68" xfId="1" applyFont="1" applyBorder="1" applyAlignment="1">
      <alignment horizontal="center" vertical="center"/>
    </xf>
    <xf numFmtId="0" fontId="4" fillId="0" borderId="2" xfId="1" applyFont="1" applyBorder="1" applyAlignment="1">
      <alignment horizontal="center" vertical="center"/>
    </xf>
    <xf numFmtId="0" fontId="4" fillId="0" borderId="69" xfId="1" applyFont="1" applyBorder="1" applyAlignment="1">
      <alignment horizontal="center" vertical="center"/>
    </xf>
    <xf numFmtId="0" fontId="4" fillId="0" borderId="4" xfId="1" applyFont="1" applyBorder="1" applyAlignment="1">
      <alignment horizontal="center" vertical="center"/>
    </xf>
    <xf numFmtId="0" fontId="4" fillId="0" borderId="68" xfId="1" applyFont="1" applyFill="1" applyBorder="1" applyAlignment="1">
      <alignment horizontal="center" vertical="center"/>
    </xf>
    <xf numFmtId="0" fontId="4" fillId="0" borderId="11" xfId="1" applyFont="1" applyFill="1" applyBorder="1" applyAlignment="1">
      <alignment horizontal="center" vertical="center"/>
    </xf>
    <xf numFmtId="0" fontId="4" fillId="0" borderId="69" xfId="1" applyFont="1" applyFill="1" applyBorder="1" applyAlignment="1">
      <alignment horizontal="center" vertical="center"/>
    </xf>
    <xf numFmtId="0" fontId="4" fillId="0" borderId="5" xfId="1" applyFont="1" applyFill="1" applyBorder="1" applyAlignment="1">
      <alignment horizontal="center" vertical="center"/>
    </xf>
    <xf numFmtId="0" fontId="4" fillId="0" borderId="12" xfId="1" applyFont="1" applyBorder="1" applyAlignment="1">
      <alignment horizontal="center" vertical="center"/>
    </xf>
    <xf numFmtId="0" fontId="4" fillId="0" borderId="66" xfId="1" applyFont="1" applyBorder="1" applyAlignment="1">
      <alignment horizontal="center" vertical="center"/>
    </xf>
    <xf numFmtId="0" fontId="4" fillId="0" borderId="9" xfId="1" applyFont="1" applyBorder="1" applyAlignment="1">
      <alignment horizontal="center" vertical="center"/>
    </xf>
    <xf numFmtId="0" fontId="4" fillId="0" borderId="67" xfId="1" applyFont="1" applyBorder="1" applyAlignment="1">
      <alignment horizontal="center" vertical="center"/>
    </xf>
    <xf numFmtId="0" fontId="4" fillId="0" borderId="62" xfId="1" applyFont="1" applyBorder="1" applyAlignment="1">
      <alignment horizontal="center" vertical="center"/>
    </xf>
    <xf numFmtId="0" fontId="4" fillId="0" borderId="1" xfId="1" applyFont="1" applyBorder="1" applyAlignment="1">
      <alignment horizontal="center" vertical="center"/>
    </xf>
    <xf numFmtId="0" fontId="4" fillId="0" borderId="63" xfId="1" applyFont="1" applyBorder="1" applyAlignment="1">
      <alignment horizontal="center" vertical="center"/>
    </xf>
    <xf numFmtId="0" fontId="4" fillId="0" borderId="12" xfId="1" applyFont="1" applyBorder="1" applyAlignment="1">
      <alignment horizontal="center" vertical="center" wrapText="1"/>
    </xf>
    <xf numFmtId="0" fontId="4" fillId="0" borderId="2" xfId="1" applyFont="1" applyBorder="1" applyAlignment="1">
      <alignment horizontal="center" vertical="center" wrapText="1"/>
    </xf>
    <xf numFmtId="0" fontId="4" fillId="0" borderId="11" xfId="1" applyFont="1" applyBorder="1" applyAlignment="1">
      <alignment horizontal="center" vertical="center" wrapText="1"/>
    </xf>
    <xf numFmtId="0" fontId="4" fillId="0" borderId="10" xfId="1" applyFont="1" applyBorder="1" applyAlignment="1">
      <alignment horizontal="center" vertical="center" wrapText="1"/>
    </xf>
    <xf numFmtId="0" fontId="4" fillId="0" borderId="0" xfId="1" applyFont="1" applyBorder="1" applyAlignment="1">
      <alignment horizontal="center" vertical="center" wrapText="1"/>
    </xf>
    <xf numFmtId="0" fontId="4" fillId="0" borderId="3" xfId="1" applyFont="1" applyBorder="1" applyAlignment="1">
      <alignment horizontal="center" vertical="center" wrapText="1"/>
    </xf>
    <xf numFmtId="0" fontId="4" fillId="0" borderId="9" xfId="1" applyFont="1" applyBorder="1" applyAlignment="1">
      <alignment horizontal="center" vertical="center" wrapText="1"/>
    </xf>
    <xf numFmtId="0" fontId="4" fillId="0" borderId="4" xfId="1" applyFont="1" applyBorder="1" applyAlignment="1">
      <alignment horizontal="center" vertical="center" wrapText="1"/>
    </xf>
    <xf numFmtId="0" fontId="4" fillId="0" borderId="5" xfId="1" applyFont="1" applyBorder="1" applyAlignment="1">
      <alignment horizontal="center" vertical="center" wrapText="1"/>
    </xf>
    <xf numFmtId="0" fontId="4" fillId="0" borderId="11" xfId="1" applyFont="1" applyBorder="1" applyAlignment="1">
      <alignment horizontal="center" vertical="center"/>
    </xf>
    <xf numFmtId="0" fontId="4" fillId="0" borderId="10" xfId="1" applyFont="1" applyBorder="1" applyAlignment="1">
      <alignment horizontal="center" vertical="center"/>
    </xf>
    <xf numFmtId="0" fontId="4" fillId="0" borderId="0" xfId="1" applyFont="1" applyBorder="1" applyAlignment="1">
      <alignment horizontal="center" vertical="center"/>
    </xf>
    <xf numFmtId="0" fontId="4" fillId="0" borderId="3" xfId="1" applyFont="1" applyBorder="1" applyAlignment="1">
      <alignment horizontal="center" vertical="center"/>
    </xf>
    <xf numFmtId="0" fontId="4" fillId="0" borderId="5" xfId="1" applyFont="1" applyBorder="1" applyAlignment="1">
      <alignment horizontal="center" vertical="center"/>
    </xf>
    <xf numFmtId="0" fontId="11" fillId="0" borderId="12" xfId="1" applyFont="1" applyBorder="1" applyAlignment="1">
      <alignment horizontal="center" vertical="center"/>
    </xf>
    <xf numFmtId="0" fontId="11" fillId="0" borderId="2" xfId="1" applyFont="1" applyBorder="1" applyAlignment="1">
      <alignment horizontal="center" vertical="center"/>
    </xf>
    <xf numFmtId="0" fontId="11" fillId="0" borderId="11" xfId="1" applyFont="1" applyBorder="1" applyAlignment="1">
      <alignment horizontal="center" vertical="center"/>
    </xf>
    <xf numFmtId="0" fontId="4" fillId="0" borderId="26" xfId="1" applyFont="1" applyBorder="1" applyAlignment="1">
      <alignment horizontal="center" vertical="center"/>
    </xf>
    <xf numFmtId="0" fontId="4" fillId="0" borderId="30" xfId="1" applyFont="1" applyBorder="1" applyAlignment="1">
      <alignment horizontal="center" vertical="center"/>
    </xf>
    <xf numFmtId="0" fontId="3" fillId="0" borderId="21" xfId="1" applyFont="1" applyBorder="1" applyAlignment="1">
      <alignment horizontal="center" vertical="center"/>
    </xf>
    <xf numFmtId="0" fontId="3" fillId="0" borderId="2" xfId="1" applyFont="1" applyBorder="1" applyAlignment="1">
      <alignment horizontal="center" vertical="center"/>
    </xf>
    <xf numFmtId="0" fontId="3" fillId="0" borderId="73" xfId="1" applyFont="1" applyBorder="1" applyAlignment="1">
      <alignment horizontal="center" vertical="center"/>
    </xf>
    <xf numFmtId="0" fontId="3" fillId="0" borderId="74" xfId="1" applyFont="1" applyBorder="1" applyAlignment="1">
      <alignment horizontal="center" vertical="center"/>
    </xf>
    <xf numFmtId="0" fontId="4" fillId="0" borderId="62" xfId="1" applyFont="1" applyBorder="1" applyAlignment="1">
      <alignment horizontal="center" vertical="center" shrinkToFit="1"/>
    </xf>
    <xf numFmtId="0" fontId="4" fillId="0" borderId="1" xfId="1" applyFont="1" applyBorder="1" applyAlignment="1">
      <alignment horizontal="center" vertical="center" shrinkToFit="1"/>
    </xf>
    <xf numFmtId="0" fontId="4" fillId="0" borderId="70" xfId="1" applyFont="1" applyBorder="1" applyAlignment="1">
      <alignment horizontal="center" vertical="center"/>
    </xf>
    <xf numFmtId="0" fontId="4" fillId="0" borderId="71" xfId="1" applyFont="1" applyBorder="1" applyAlignment="1">
      <alignment horizontal="center" vertical="center"/>
    </xf>
    <xf numFmtId="0" fontId="4" fillId="0" borderId="72" xfId="1" applyFont="1" applyBorder="1" applyAlignment="1">
      <alignment horizontal="center" vertical="center"/>
    </xf>
    <xf numFmtId="0" fontId="4" fillId="0" borderId="21" xfId="1" applyFont="1" applyBorder="1" applyAlignment="1">
      <alignment horizontal="center" vertical="center" wrapText="1"/>
    </xf>
    <xf numFmtId="0" fontId="4" fillId="0" borderId="28" xfId="1" applyFont="1" applyBorder="1" applyAlignment="1">
      <alignment horizontal="center" vertical="center" wrapText="1"/>
    </xf>
    <xf numFmtId="0" fontId="4" fillId="0" borderId="29" xfId="1" applyFont="1" applyBorder="1" applyAlignment="1">
      <alignment horizontal="center" vertical="center" wrapText="1"/>
    </xf>
    <xf numFmtId="0" fontId="4" fillId="0" borderId="63" xfId="1" applyFont="1" applyBorder="1" applyAlignment="1">
      <alignment horizontal="center" vertical="center" shrinkToFit="1"/>
    </xf>
    <xf numFmtId="0" fontId="4" fillId="0" borderId="10" xfId="1" applyFont="1" applyBorder="1" applyAlignment="1">
      <alignment horizontal="center" vertical="center" wrapText="1" shrinkToFit="1"/>
    </xf>
    <xf numFmtId="0" fontId="4" fillId="0" borderId="0" xfId="1" applyFont="1" applyBorder="1" applyAlignment="1">
      <alignment horizontal="center" vertical="center" wrapText="1" shrinkToFit="1"/>
    </xf>
    <xf numFmtId="0" fontId="4" fillId="0" borderId="3" xfId="1" applyFont="1" applyBorder="1" applyAlignment="1">
      <alignment horizontal="center" vertical="center" wrapText="1" shrinkToFit="1"/>
    </xf>
    <xf numFmtId="0" fontId="4" fillId="0" borderId="9" xfId="1" applyFont="1" applyBorder="1" applyAlignment="1">
      <alignment horizontal="center" vertical="center" wrapText="1" shrinkToFit="1"/>
    </xf>
    <xf numFmtId="0" fontId="4" fillId="0" borderId="4" xfId="1" applyFont="1" applyBorder="1" applyAlignment="1">
      <alignment horizontal="center" vertical="center" wrapText="1" shrinkToFit="1"/>
    </xf>
    <xf numFmtId="0" fontId="4" fillId="0" borderId="5" xfId="1" applyFont="1" applyBorder="1" applyAlignment="1">
      <alignment horizontal="center" vertical="center" wrapText="1" shrinkToFit="1"/>
    </xf>
    <xf numFmtId="0" fontId="5" fillId="0" borderId="12" xfId="1" applyFont="1" applyBorder="1" applyAlignment="1">
      <alignment horizontal="center" vertical="center"/>
    </xf>
    <xf numFmtId="0" fontId="5" fillId="0" borderId="2" xfId="1" applyFont="1" applyBorder="1" applyAlignment="1">
      <alignment horizontal="center" vertical="center"/>
    </xf>
    <xf numFmtId="0" fontId="5" fillId="0" borderId="26" xfId="1" applyFont="1" applyBorder="1" applyAlignment="1">
      <alignment horizontal="center" vertical="center"/>
    </xf>
    <xf numFmtId="0" fontId="5" fillId="0" borderId="9" xfId="1" applyFont="1" applyBorder="1" applyAlignment="1">
      <alignment horizontal="center" vertical="center"/>
    </xf>
    <xf numFmtId="0" fontId="5" fillId="0" borderId="4" xfId="1" applyFont="1" applyBorder="1" applyAlignment="1">
      <alignment horizontal="center" vertical="center"/>
    </xf>
    <xf numFmtId="0" fontId="5" fillId="0" borderId="30" xfId="1" applyFont="1" applyBorder="1" applyAlignment="1">
      <alignment horizontal="center" vertical="center"/>
    </xf>
    <xf numFmtId="0" fontId="4" fillId="0" borderId="36" xfId="1" applyFont="1" applyBorder="1" applyAlignment="1">
      <alignment horizontal="center" vertical="center"/>
    </xf>
    <xf numFmtId="0" fontId="4" fillId="0" borderId="37" xfId="1" applyFont="1" applyBorder="1" applyAlignment="1">
      <alignment horizontal="center" vertical="center"/>
    </xf>
    <xf numFmtId="0" fontId="4" fillId="0" borderId="65" xfId="1" applyFont="1" applyBorder="1" applyAlignment="1">
      <alignment horizontal="center" vertical="center"/>
    </xf>
    <xf numFmtId="0" fontId="4" fillId="0" borderId="32" xfId="1" applyFont="1" applyBorder="1" applyAlignment="1">
      <alignment horizontal="center" vertical="center"/>
    </xf>
    <xf numFmtId="0" fontId="11" fillId="0" borderId="9" xfId="1" applyFont="1" applyBorder="1" applyAlignment="1">
      <alignment horizontal="center" vertical="center" wrapText="1"/>
    </xf>
    <xf numFmtId="0" fontId="11" fillId="0" borderId="4" xfId="1" applyFont="1" applyBorder="1" applyAlignment="1">
      <alignment horizontal="center" vertical="center" wrapText="1"/>
    </xf>
    <xf numFmtId="0" fontId="5" fillId="0" borderId="29" xfId="1" applyFont="1" applyBorder="1" applyAlignment="1">
      <alignment horizontal="center" vertical="center" shrinkToFit="1"/>
    </xf>
    <xf numFmtId="0" fontId="5" fillId="0" borderId="4" xfId="1" applyFont="1" applyBorder="1" applyAlignment="1">
      <alignment horizontal="center" vertical="center" shrinkToFit="1"/>
    </xf>
    <xf numFmtId="0" fontId="5" fillId="0" borderId="24" xfId="1" applyFont="1" applyBorder="1" applyAlignment="1">
      <alignment horizontal="center" vertical="center" shrinkToFit="1"/>
    </xf>
    <xf numFmtId="0" fontId="5" fillId="0" borderId="64" xfId="1" applyFont="1" applyBorder="1" applyAlignment="1">
      <alignment horizontal="center" vertical="center" shrinkToFit="1"/>
    </xf>
    <xf numFmtId="0" fontId="3" fillId="0" borderId="12" xfId="1" applyFont="1" applyBorder="1" applyAlignment="1">
      <alignment horizontal="center" vertical="center" wrapText="1"/>
    </xf>
    <xf numFmtId="0" fontId="3" fillId="0" borderId="2" xfId="1" applyFont="1" applyBorder="1" applyAlignment="1">
      <alignment horizontal="center" vertical="center" wrapText="1"/>
    </xf>
    <xf numFmtId="0" fontId="3" fillId="0" borderId="11" xfId="1" applyFont="1" applyBorder="1" applyAlignment="1">
      <alignment horizontal="center" vertical="center" wrapText="1"/>
    </xf>
    <xf numFmtId="0" fontId="3" fillId="0" borderId="10" xfId="1" applyFont="1" applyBorder="1" applyAlignment="1">
      <alignment horizontal="center" vertical="center" wrapText="1"/>
    </xf>
    <xf numFmtId="0" fontId="3" fillId="0" borderId="0" xfId="1" applyFont="1" applyBorder="1" applyAlignment="1">
      <alignment horizontal="center" vertical="center" wrapText="1"/>
    </xf>
    <xf numFmtId="0" fontId="3" fillId="0" borderId="3" xfId="1" applyFont="1" applyBorder="1" applyAlignment="1">
      <alignment horizontal="center" vertical="center" wrapText="1"/>
    </xf>
    <xf numFmtId="0" fontId="3" fillId="0" borderId="9" xfId="1" applyFont="1" applyBorder="1" applyAlignment="1">
      <alignment horizontal="center" vertical="center" wrapText="1"/>
    </xf>
    <xf numFmtId="0" fontId="3" fillId="0" borderId="4" xfId="1" applyFont="1" applyBorder="1" applyAlignment="1">
      <alignment horizontal="center" vertical="center" wrapText="1"/>
    </xf>
    <xf numFmtId="0" fontId="3" fillId="0" borderId="5" xfId="1" applyFont="1" applyBorder="1" applyAlignment="1">
      <alignment horizontal="center" vertical="center" wrapText="1"/>
    </xf>
    <xf numFmtId="0" fontId="5" fillId="0" borderId="12" xfId="1" applyFont="1" applyBorder="1" applyAlignment="1">
      <alignment horizontal="center" vertical="center" wrapText="1"/>
    </xf>
    <xf numFmtId="0" fontId="5" fillId="0" borderId="2" xfId="1" applyFont="1" applyBorder="1" applyAlignment="1">
      <alignment horizontal="center" vertical="center" wrapText="1"/>
    </xf>
    <xf numFmtId="0" fontId="5" fillId="0" borderId="11" xfId="1" applyFont="1" applyBorder="1" applyAlignment="1">
      <alignment horizontal="center" vertical="center" wrapText="1"/>
    </xf>
    <xf numFmtId="0" fontId="5" fillId="0" borderId="10" xfId="1" applyFont="1" applyBorder="1" applyAlignment="1">
      <alignment horizontal="center" vertical="center" wrapText="1"/>
    </xf>
    <xf numFmtId="0" fontId="5" fillId="0" borderId="0" xfId="1" applyFont="1" applyBorder="1" applyAlignment="1">
      <alignment horizontal="center" vertical="center" wrapText="1"/>
    </xf>
    <xf numFmtId="0" fontId="5" fillId="0" borderId="3" xfId="1" applyFont="1" applyBorder="1" applyAlignment="1">
      <alignment horizontal="center" vertical="center" wrapText="1"/>
    </xf>
    <xf numFmtId="0" fontId="5" fillId="0" borderId="9" xfId="1" applyFont="1" applyBorder="1" applyAlignment="1">
      <alignment horizontal="center" vertical="center" wrapText="1"/>
    </xf>
    <xf numFmtId="0" fontId="5" fillId="0" borderId="4" xfId="1" applyFont="1" applyBorder="1" applyAlignment="1">
      <alignment horizontal="center" vertical="center" wrapText="1"/>
    </xf>
    <xf numFmtId="0" fontId="5" fillId="0" borderId="5" xfId="1" applyFont="1" applyBorder="1" applyAlignment="1">
      <alignment horizontal="center" vertical="center" wrapText="1"/>
    </xf>
    <xf numFmtId="0" fontId="5" fillId="0" borderId="33" xfId="1" applyFont="1" applyBorder="1" applyAlignment="1">
      <alignment horizontal="center" vertical="center"/>
    </xf>
    <xf numFmtId="0" fontId="5" fillId="0" borderId="34" xfId="1" applyFont="1" applyBorder="1" applyAlignment="1">
      <alignment horizontal="center" vertical="center"/>
    </xf>
    <xf numFmtId="0" fontId="5" fillId="0" borderId="99" xfId="1" applyFont="1" applyBorder="1" applyAlignment="1">
      <alignment horizontal="center" vertical="center"/>
    </xf>
    <xf numFmtId="0" fontId="4" fillId="0" borderId="64" xfId="1" applyFont="1" applyBorder="1" applyAlignment="1">
      <alignment horizontal="center" vertical="center"/>
    </xf>
    <xf numFmtId="0" fontId="4" fillId="0" borderId="24" xfId="1" applyFont="1" applyBorder="1" applyAlignment="1">
      <alignment horizontal="center" vertical="center"/>
    </xf>
    <xf numFmtId="0" fontId="4" fillId="0" borderId="62" xfId="1" applyFont="1" applyBorder="1" applyAlignment="1">
      <alignment horizontal="center" vertical="center" wrapText="1"/>
    </xf>
    <xf numFmtId="0" fontId="4" fillId="0" borderId="1" xfId="1" applyFont="1" applyBorder="1" applyAlignment="1">
      <alignment horizontal="center" vertical="center" wrapText="1"/>
    </xf>
    <xf numFmtId="0" fontId="4" fillId="0" borderId="63" xfId="1" applyFont="1" applyBorder="1" applyAlignment="1">
      <alignment horizontal="center" vertical="center" wrapText="1"/>
    </xf>
    <xf numFmtId="0" fontId="14" fillId="0" borderId="110" xfId="1" applyFont="1" applyBorder="1" applyAlignment="1">
      <alignment horizontal="center" vertical="center"/>
    </xf>
    <xf numFmtId="0" fontId="14" fillId="0" borderId="108" xfId="1" applyFont="1" applyBorder="1" applyAlignment="1">
      <alignment horizontal="center" vertical="center"/>
    </xf>
    <xf numFmtId="0" fontId="14" fillId="0" borderId="109" xfId="1" applyFont="1" applyBorder="1" applyAlignment="1">
      <alignment horizontal="center" vertical="center"/>
    </xf>
    <xf numFmtId="0" fontId="14" fillId="0" borderId="105" xfId="1" applyFont="1" applyBorder="1" applyAlignment="1">
      <alignment horizontal="center" vertical="center"/>
    </xf>
    <xf numFmtId="0" fontId="14" fillId="0" borderId="101" xfId="1" applyFont="1" applyBorder="1" applyAlignment="1">
      <alignment horizontal="center" vertical="center"/>
    </xf>
    <xf numFmtId="0" fontId="14" fillId="0" borderId="102" xfId="1" applyFont="1" applyBorder="1" applyAlignment="1">
      <alignment horizontal="center" vertical="center"/>
    </xf>
    <xf numFmtId="0" fontId="11" fillId="0" borderId="3" xfId="1" applyFont="1" applyBorder="1" applyAlignment="1">
      <alignment horizontal="center" vertical="center"/>
    </xf>
    <xf numFmtId="0" fontId="7" fillId="0" borderId="12" xfId="1" applyFont="1" applyBorder="1" applyAlignment="1">
      <alignment horizontal="center"/>
    </xf>
    <xf numFmtId="0" fontId="7" fillId="0" borderId="2" xfId="1" applyFont="1" applyBorder="1" applyAlignment="1">
      <alignment horizontal="center"/>
    </xf>
    <xf numFmtId="0" fontId="7" fillId="0" borderId="11" xfId="1" applyFont="1" applyBorder="1" applyAlignment="1">
      <alignment horizontal="center"/>
    </xf>
    <xf numFmtId="0" fontId="7" fillId="0" borderId="9" xfId="1" applyFont="1" applyBorder="1" applyAlignment="1">
      <alignment horizontal="center"/>
    </xf>
    <xf numFmtId="0" fontId="7" fillId="0" borderId="4" xfId="1" applyFont="1" applyBorder="1" applyAlignment="1">
      <alignment horizontal="center"/>
    </xf>
    <xf numFmtId="0" fontId="7" fillId="0" borderId="5" xfId="1" applyFont="1" applyBorder="1" applyAlignment="1">
      <alignment horizontal="center"/>
    </xf>
    <xf numFmtId="0" fontId="8" fillId="0" borderId="12" xfId="1" applyFont="1" applyBorder="1" applyAlignment="1">
      <alignment horizontal="center" vertical="center"/>
    </xf>
    <xf numFmtId="0" fontId="8" fillId="0" borderId="2" xfId="1" applyFont="1" applyBorder="1" applyAlignment="1">
      <alignment horizontal="center" vertical="center"/>
    </xf>
    <xf numFmtId="0" fontId="8" fillId="0" borderId="11" xfId="1" applyFont="1" applyBorder="1" applyAlignment="1">
      <alignment horizontal="center" vertical="center"/>
    </xf>
    <xf numFmtId="0" fontId="8" fillId="0" borderId="9" xfId="1" applyFont="1" applyBorder="1" applyAlignment="1">
      <alignment horizontal="center" vertical="center"/>
    </xf>
    <xf numFmtId="0" fontId="8" fillId="0" borderId="4" xfId="1" applyFont="1" applyBorder="1" applyAlignment="1">
      <alignment horizontal="center" vertical="center"/>
    </xf>
    <xf numFmtId="0" fontId="8" fillId="0" borderId="5" xfId="1" applyFont="1" applyBorder="1" applyAlignment="1">
      <alignment horizontal="center" vertical="center"/>
    </xf>
    <xf numFmtId="0" fontId="1" fillId="0" borderId="2" xfId="1" applyFont="1" applyBorder="1" applyAlignment="1">
      <alignment horizontal="distributed" vertical="center"/>
    </xf>
    <xf numFmtId="0" fontId="1" fillId="0" borderId="4" xfId="1" applyFont="1" applyBorder="1" applyAlignment="1">
      <alignment horizontal="distributed" vertical="center"/>
    </xf>
    <xf numFmtId="0" fontId="9" fillId="0" borderId="12" xfId="1" applyFont="1" applyBorder="1" applyAlignment="1">
      <alignment horizontal="center" vertical="center"/>
    </xf>
    <xf numFmtId="0" fontId="9" fillId="0" borderId="2" xfId="1" applyFont="1" applyBorder="1" applyAlignment="1">
      <alignment horizontal="center" vertical="center"/>
    </xf>
    <xf numFmtId="0" fontId="9" fillId="0" borderId="9" xfId="1" applyFont="1" applyBorder="1" applyAlignment="1">
      <alignment horizontal="center" vertical="center"/>
    </xf>
    <xf numFmtId="0" fontId="9" fillId="0" borderId="4" xfId="1" applyFont="1" applyBorder="1" applyAlignment="1">
      <alignment horizontal="center" vertical="center"/>
    </xf>
    <xf numFmtId="0" fontId="9" fillId="0" borderId="11" xfId="1" applyFont="1" applyBorder="1" applyAlignment="1">
      <alignment horizontal="center" vertical="center"/>
    </xf>
    <xf numFmtId="0" fontId="9" fillId="0" borderId="5" xfId="1" applyFont="1" applyBorder="1" applyAlignment="1">
      <alignment horizontal="center" vertical="center"/>
    </xf>
    <xf numFmtId="0" fontId="13" fillId="0" borderId="73" xfId="1" applyFont="1" applyBorder="1" applyAlignment="1">
      <alignment horizontal="center" vertical="center"/>
    </xf>
    <xf numFmtId="0" fontId="13" fillId="0" borderId="2" xfId="1" applyFont="1" applyBorder="1" applyAlignment="1">
      <alignment horizontal="center" vertical="center"/>
    </xf>
    <xf numFmtId="0" fontId="13" fillId="0" borderId="9" xfId="1" applyFont="1" applyBorder="1" applyAlignment="1">
      <alignment horizontal="center" vertical="center"/>
    </xf>
    <xf numFmtId="0" fontId="13" fillId="0" borderId="4" xfId="1" applyFont="1" applyBorder="1" applyAlignment="1">
      <alignment horizontal="center" vertical="center"/>
    </xf>
    <xf numFmtId="0" fontId="13" fillId="0" borderId="24" xfId="1" applyFont="1" applyBorder="1" applyAlignment="1">
      <alignment horizontal="center" vertical="center"/>
    </xf>
    <xf numFmtId="0" fontId="9" fillId="0" borderId="26" xfId="1" applyFont="1" applyBorder="1" applyAlignment="1">
      <alignment horizontal="center" vertical="center"/>
    </xf>
    <xf numFmtId="0" fontId="9" fillId="0" borderId="30" xfId="1" applyFont="1" applyBorder="1" applyAlignment="1">
      <alignment horizontal="center" vertical="center"/>
    </xf>
    <xf numFmtId="0" fontId="8" fillId="0" borderId="21" xfId="1" applyFont="1" applyBorder="1" applyAlignment="1">
      <alignment horizontal="center" vertical="center"/>
    </xf>
    <xf numFmtId="0" fontId="8" fillId="0" borderId="74" xfId="1" applyFont="1" applyBorder="1" applyAlignment="1">
      <alignment horizontal="center" vertical="center"/>
    </xf>
    <xf numFmtId="0" fontId="8" fillId="0" borderId="29" xfId="1" applyFont="1" applyBorder="1" applyAlignment="1">
      <alignment horizontal="center" vertical="center"/>
    </xf>
    <xf numFmtId="0" fontId="8" fillId="0" borderId="64" xfId="1" applyFont="1" applyBorder="1" applyAlignment="1">
      <alignment horizontal="center" vertical="center"/>
    </xf>
    <xf numFmtId="0" fontId="8" fillId="0" borderId="73" xfId="1" applyFont="1" applyBorder="1" applyAlignment="1">
      <alignment horizontal="center" vertical="center"/>
    </xf>
    <xf numFmtId="0" fontId="8" fillId="0" borderId="24" xfId="1" applyFont="1" applyBorder="1" applyAlignment="1">
      <alignment horizontal="center" vertical="center"/>
    </xf>
    <xf numFmtId="0" fontId="2" fillId="0" borderId="73" xfId="1" applyFont="1" applyBorder="1" applyAlignment="1">
      <alignment horizontal="center" vertical="center"/>
    </xf>
    <xf numFmtId="0" fontId="2" fillId="0" borderId="2" xfId="1" applyFont="1" applyBorder="1" applyAlignment="1">
      <alignment horizontal="center" vertical="center"/>
    </xf>
    <xf numFmtId="0" fontId="2" fillId="0" borderId="11" xfId="1" applyFont="1" applyBorder="1" applyAlignment="1">
      <alignment horizontal="center" vertical="center"/>
    </xf>
    <xf numFmtId="0" fontId="2" fillId="0" borderId="24" xfId="1" applyFont="1" applyBorder="1" applyAlignment="1">
      <alignment horizontal="center" vertical="center"/>
    </xf>
    <xf numFmtId="0" fontId="2" fillId="0" borderId="4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2" fillId="0" borderId="26" xfId="1" applyFont="1" applyBorder="1" applyAlignment="1">
      <alignment horizontal="center" vertical="center"/>
    </xf>
    <xf numFmtId="0" fontId="2" fillId="0" borderId="9" xfId="1" applyFont="1" applyBorder="1" applyAlignment="1">
      <alignment horizontal="center" vertical="center"/>
    </xf>
    <xf numFmtId="0" fontId="2" fillId="0" borderId="30" xfId="1" applyFont="1" applyBorder="1" applyAlignment="1">
      <alignment horizontal="center" vertical="center"/>
    </xf>
    <xf numFmtId="0" fontId="2" fillId="0" borderId="21" xfId="1" applyFont="1" applyBorder="1" applyAlignment="1">
      <alignment horizontal="center" vertical="center"/>
    </xf>
    <xf numFmtId="0" fontId="2" fillId="0" borderId="29" xfId="1" applyFont="1" applyBorder="1" applyAlignment="1">
      <alignment horizontal="center" vertical="center"/>
    </xf>
    <xf numFmtId="0" fontId="13" fillId="0" borderId="12" xfId="1" applyFont="1" applyBorder="1" applyAlignment="1">
      <alignment horizontal="center" vertical="center"/>
    </xf>
    <xf numFmtId="0" fontId="7" fillId="0" borderId="23" xfId="1" applyFont="1" applyBorder="1" applyAlignment="1">
      <alignment horizontal="center"/>
    </xf>
    <xf numFmtId="0" fontId="7" fillId="0" borderId="13" xfId="1" applyFont="1" applyBorder="1" applyAlignment="1">
      <alignment horizontal="center"/>
    </xf>
    <xf numFmtId="0" fontId="7" fillId="0" borderId="14" xfId="1" applyFont="1" applyBorder="1" applyAlignment="1">
      <alignment horizontal="center"/>
    </xf>
    <xf numFmtId="0" fontId="8" fillId="0" borderId="23" xfId="1" applyFont="1" applyBorder="1" applyAlignment="1">
      <alignment horizontal="center" vertical="center"/>
    </xf>
    <xf numFmtId="0" fontId="8" fillId="0" borderId="13" xfId="1" applyFont="1" applyBorder="1" applyAlignment="1">
      <alignment horizontal="center" vertical="center"/>
    </xf>
    <xf numFmtId="0" fontId="8" fillId="0" borderId="14" xfId="1" applyFont="1" applyBorder="1" applyAlignment="1">
      <alignment horizontal="center" vertical="center"/>
    </xf>
    <xf numFmtId="0" fontId="9" fillId="0" borderId="23" xfId="1" applyFont="1" applyBorder="1" applyAlignment="1">
      <alignment horizontal="center" vertical="center"/>
    </xf>
    <xf numFmtId="0" fontId="9" fillId="0" borderId="13" xfId="1" applyFont="1" applyBorder="1" applyAlignment="1">
      <alignment horizontal="center" vertical="center"/>
    </xf>
    <xf numFmtId="0" fontId="4" fillId="0" borderId="10" xfId="1" applyFont="1" applyBorder="1" applyAlignment="1">
      <alignment horizontal="center" vertical="center" textRotation="255"/>
    </xf>
    <xf numFmtId="0" fontId="4" fillId="0" borderId="0" xfId="1" applyFont="1" applyBorder="1" applyAlignment="1">
      <alignment horizontal="center" vertical="center" textRotation="255"/>
    </xf>
    <xf numFmtId="0" fontId="4" fillId="0" borderId="3" xfId="1" applyFont="1" applyBorder="1" applyAlignment="1">
      <alignment horizontal="center" vertical="center" textRotation="255"/>
    </xf>
    <xf numFmtId="0" fontId="4" fillId="0" borderId="9" xfId="1" applyFont="1" applyBorder="1" applyAlignment="1">
      <alignment horizontal="center" vertical="center" textRotation="255"/>
    </xf>
    <xf numFmtId="0" fontId="4" fillId="0" borderId="4" xfId="1" applyFont="1" applyBorder="1" applyAlignment="1">
      <alignment horizontal="center" vertical="center" textRotation="255"/>
    </xf>
    <xf numFmtId="0" fontId="4" fillId="0" borderId="5" xfId="1" applyFont="1" applyBorder="1" applyAlignment="1">
      <alignment horizontal="center" vertical="center" textRotation="255"/>
    </xf>
    <xf numFmtId="0" fontId="4" fillId="0" borderId="6" xfId="1" applyFont="1" applyBorder="1" applyAlignment="1">
      <alignment horizontal="center" vertical="center"/>
    </xf>
    <xf numFmtId="0" fontId="4" fillId="0" borderId="7" xfId="1" applyFont="1" applyBorder="1" applyAlignment="1">
      <alignment horizontal="center" vertical="center"/>
    </xf>
    <xf numFmtId="0" fontId="4" fillId="0" borderId="77" xfId="1" applyFont="1" applyBorder="1" applyAlignment="1">
      <alignment horizontal="center" vertical="center"/>
    </xf>
    <xf numFmtId="0" fontId="4" fillId="0" borderId="78" xfId="1" applyFont="1" applyBorder="1" applyAlignment="1">
      <alignment horizontal="center" vertical="center"/>
    </xf>
    <xf numFmtId="0" fontId="4" fillId="0" borderId="29" xfId="1" applyFont="1" applyBorder="1" applyAlignment="1">
      <alignment horizontal="center" vertical="center"/>
    </xf>
    <xf numFmtId="0" fontId="4" fillId="0" borderId="77" xfId="1" applyFont="1" applyBorder="1" applyAlignment="1">
      <alignment horizontal="center" vertical="center" wrapText="1"/>
    </xf>
    <xf numFmtId="0" fontId="4" fillId="0" borderId="8" xfId="1" applyFont="1" applyBorder="1" applyAlignment="1">
      <alignment horizontal="center" vertical="center"/>
    </xf>
    <xf numFmtId="0" fontId="4" fillId="0" borderId="7" xfId="1" applyFont="1" applyBorder="1" applyAlignment="1">
      <alignment horizontal="right" vertical="top" textRotation="255" shrinkToFit="1"/>
    </xf>
    <xf numFmtId="0" fontId="4" fillId="0" borderId="8" xfId="1" applyFont="1" applyBorder="1" applyAlignment="1">
      <alignment horizontal="right" vertical="top" textRotation="255" shrinkToFit="1"/>
    </xf>
    <xf numFmtId="0" fontId="4" fillId="0" borderId="0" xfId="1" applyFont="1" applyBorder="1" applyAlignment="1">
      <alignment horizontal="right" vertical="top" textRotation="255" shrinkToFit="1"/>
    </xf>
    <xf numFmtId="0" fontId="4" fillId="0" borderId="3" xfId="1" applyFont="1" applyBorder="1" applyAlignment="1">
      <alignment horizontal="right" vertical="top" textRotation="255" shrinkToFit="1"/>
    </xf>
    <xf numFmtId="0" fontId="4" fillId="0" borderId="4" xfId="1" applyFont="1" applyBorder="1" applyAlignment="1">
      <alignment horizontal="right" vertical="top" textRotation="255" shrinkToFit="1"/>
    </xf>
    <xf numFmtId="0" fontId="4" fillId="0" borderId="5" xfId="1" applyFont="1" applyBorder="1" applyAlignment="1">
      <alignment horizontal="right" vertical="top" textRotation="255" shrinkToFit="1"/>
    </xf>
    <xf numFmtId="0" fontId="4" fillId="0" borderId="61" xfId="1" applyFont="1" applyBorder="1" applyAlignment="1">
      <alignment horizontal="center" vertical="center" wrapText="1"/>
    </xf>
    <xf numFmtId="0" fontId="4" fillId="0" borderId="56" xfId="1" applyFont="1" applyBorder="1" applyAlignment="1">
      <alignment horizontal="center" vertical="center"/>
    </xf>
    <xf numFmtId="0" fontId="4" fillId="0" borderId="46" xfId="1" applyFont="1" applyBorder="1" applyAlignment="1">
      <alignment horizontal="center" vertical="center"/>
    </xf>
    <xf numFmtId="0" fontId="4" fillId="0" borderId="47" xfId="1" applyFont="1" applyBorder="1" applyAlignment="1">
      <alignment horizontal="center" vertical="center"/>
    </xf>
    <xf numFmtId="0" fontId="11" fillId="0" borderId="56" xfId="1" applyFont="1" applyBorder="1" applyAlignment="1">
      <alignment horizontal="center" vertical="center" wrapText="1"/>
    </xf>
    <xf numFmtId="0" fontId="11" fillId="0" borderId="56" xfId="1" applyFont="1" applyBorder="1" applyAlignment="1">
      <alignment horizontal="center" vertical="center"/>
    </xf>
    <xf numFmtId="0" fontId="11" fillId="0" borderId="57" xfId="1" applyFont="1" applyBorder="1" applyAlignment="1">
      <alignment horizontal="center" vertical="center"/>
    </xf>
    <xf numFmtId="0" fontId="11" fillId="0" borderId="47" xfId="1" applyFont="1" applyBorder="1" applyAlignment="1">
      <alignment horizontal="center" vertical="center"/>
    </xf>
    <xf numFmtId="0" fontId="11" fillId="0" borderId="49" xfId="1" applyFont="1" applyBorder="1" applyAlignment="1">
      <alignment horizontal="center" vertical="center"/>
    </xf>
    <xf numFmtId="0" fontId="8" fillId="0" borderId="76" xfId="1" applyFont="1" applyBorder="1" applyAlignment="1">
      <alignment horizontal="center" vertical="center"/>
    </xf>
    <xf numFmtId="0" fontId="8" fillId="0" borderId="75" xfId="1" applyFont="1" applyBorder="1" applyAlignment="1">
      <alignment horizontal="center" vertical="center"/>
    </xf>
    <xf numFmtId="0" fontId="2" fillId="0" borderId="76" xfId="1" applyFont="1" applyBorder="1" applyAlignment="1">
      <alignment horizontal="center" vertical="center"/>
    </xf>
    <xf numFmtId="0" fontId="2" fillId="0" borderId="13" xfId="1" applyFont="1" applyBorder="1" applyAlignment="1">
      <alignment horizontal="center" vertical="center"/>
    </xf>
    <xf numFmtId="0" fontId="2" fillId="0" borderId="14" xfId="1" applyFont="1" applyBorder="1" applyAlignment="1">
      <alignment horizontal="center" vertical="center"/>
    </xf>
    <xf numFmtId="0" fontId="2" fillId="0" borderId="23" xfId="1" applyFont="1" applyBorder="1" applyAlignment="1">
      <alignment horizontal="center" vertical="center"/>
    </xf>
    <xf numFmtId="0" fontId="2" fillId="0" borderId="27" xfId="1" applyFont="1" applyBorder="1" applyAlignment="1">
      <alignment horizontal="center" vertical="center"/>
    </xf>
    <xf numFmtId="0" fontId="9" fillId="0" borderId="14" xfId="1" applyFont="1" applyBorder="1" applyAlignment="1">
      <alignment horizontal="center" vertical="center"/>
    </xf>
    <xf numFmtId="0" fontId="9" fillId="0" borderId="27" xfId="1" applyFont="1" applyBorder="1" applyAlignment="1">
      <alignment horizontal="center" vertical="center"/>
    </xf>
    <xf numFmtId="0" fontId="8" fillId="0" borderId="22" xfId="1" applyFont="1" applyBorder="1" applyAlignment="1">
      <alignment horizontal="center" vertical="center"/>
    </xf>
    <xf numFmtId="0" fontId="4" fillId="0" borderId="2" xfId="1" applyFont="1" applyBorder="1" applyAlignment="1">
      <alignment vertical="center"/>
    </xf>
    <xf numFmtId="0" fontId="4" fillId="0" borderId="4" xfId="1" applyFont="1" applyBorder="1" applyAlignment="1">
      <alignment vertical="center"/>
    </xf>
    <xf numFmtId="0" fontId="4" fillId="0" borderId="12" xfId="1" applyFont="1" applyFill="1" applyBorder="1" applyAlignment="1">
      <alignment horizontal="center" vertical="center"/>
    </xf>
    <xf numFmtId="0" fontId="4" fillId="0" borderId="2" xfId="1" applyFont="1" applyFill="1" applyBorder="1" applyAlignment="1">
      <alignment horizontal="center" vertical="center"/>
    </xf>
    <xf numFmtId="0" fontId="4" fillId="0" borderId="9" xfId="1" applyFont="1" applyFill="1" applyBorder="1" applyAlignment="1">
      <alignment horizontal="center" vertical="center"/>
    </xf>
    <xf numFmtId="0" fontId="4" fillId="0" borderId="4" xfId="1" applyFont="1" applyFill="1" applyBorder="1" applyAlignment="1">
      <alignment horizontal="center" vertical="center"/>
    </xf>
    <xf numFmtId="0" fontId="2" fillId="0" borderId="12" xfId="1" applyFont="1" applyFill="1" applyBorder="1" applyAlignment="1">
      <alignment horizontal="center" vertical="center"/>
    </xf>
    <xf numFmtId="0" fontId="2" fillId="0" borderId="2" xfId="1" applyFont="1" applyFill="1" applyBorder="1" applyAlignment="1">
      <alignment horizontal="center" vertical="center"/>
    </xf>
    <xf numFmtId="0" fontId="2" fillId="0" borderId="26" xfId="1" applyFont="1" applyFill="1" applyBorder="1" applyAlignment="1">
      <alignment horizontal="center" vertical="center"/>
    </xf>
    <xf numFmtId="0" fontId="2" fillId="0" borderId="9" xfId="1" applyFont="1" applyFill="1" applyBorder="1" applyAlignment="1">
      <alignment horizontal="center" vertical="center"/>
    </xf>
    <xf numFmtId="0" fontId="2" fillId="0" borderId="4" xfId="1" applyFont="1" applyFill="1" applyBorder="1" applyAlignment="1">
      <alignment horizontal="center" vertical="center"/>
    </xf>
    <xf numFmtId="0" fontId="2" fillId="0" borderId="30" xfId="1" applyFont="1" applyFill="1" applyBorder="1" applyAlignment="1">
      <alignment horizontal="center" vertical="center"/>
    </xf>
    <xf numFmtId="0" fontId="4" fillId="0" borderId="57" xfId="1" applyFont="1" applyBorder="1" applyAlignment="1">
      <alignment horizontal="center" vertical="center"/>
    </xf>
    <xf numFmtId="0" fontId="4" fillId="0" borderId="49" xfId="1" applyFont="1" applyBorder="1" applyAlignment="1">
      <alignment horizontal="center" vertical="center"/>
    </xf>
    <xf numFmtId="9" fontId="4" fillId="0" borderId="62" xfId="1" applyNumberFormat="1" applyFont="1" applyBorder="1" applyAlignment="1">
      <alignment horizontal="center" vertical="center"/>
    </xf>
    <xf numFmtId="9" fontId="4" fillId="0" borderId="1" xfId="1" applyNumberFormat="1" applyFont="1" applyBorder="1" applyAlignment="1">
      <alignment horizontal="center" vertical="center"/>
    </xf>
    <xf numFmtId="9" fontId="4" fillId="0" borderId="63" xfId="1" applyNumberFormat="1" applyFont="1" applyBorder="1" applyAlignment="1">
      <alignment horizontal="center" vertical="center"/>
    </xf>
    <xf numFmtId="0" fontId="13" fillId="0" borderId="23" xfId="1" applyFont="1" applyBorder="1" applyAlignment="1">
      <alignment horizontal="center" vertical="center"/>
    </xf>
    <xf numFmtId="0" fontId="13" fillId="0" borderId="13" xfId="1" applyFont="1" applyBorder="1" applyAlignment="1">
      <alignment horizontal="center" vertical="center"/>
    </xf>
    <xf numFmtId="0" fontId="13" fillId="0" borderId="76" xfId="1" applyFont="1" applyBorder="1" applyAlignment="1">
      <alignment horizontal="center" vertical="center"/>
    </xf>
    <xf numFmtId="0" fontId="2" fillId="0" borderId="44" xfId="1" applyFont="1" applyFill="1" applyBorder="1" applyAlignment="1">
      <alignment horizontal="center" vertical="center"/>
    </xf>
    <xf numFmtId="0" fontId="2" fillId="0" borderId="45" xfId="1" applyFont="1" applyFill="1" applyBorder="1" applyAlignment="1">
      <alignment horizontal="center" vertical="center"/>
    </xf>
    <xf numFmtId="0" fontId="2" fillId="0" borderId="46" xfId="1" applyFont="1" applyFill="1" applyBorder="1" applyAlignment="1">
      <alignment horizontal="center" vertical="center"/>
    </xf>
    <xf numFmtId="0" fontId="2" fillId="0" borderId="47" xfId="1" applyFont="1" applyFill="1" applyBorder="1" applyAlignment="1">
      <alignment horizontal="center" vertical="center"/>
    </xf>
    <xf numFmtId="0" fontId="2" fillId="0" borderId="48" xfId="1" applyFont="1" applyFill="1" applyBorder="1" applyAlignment="1">
      <alignment horizontal="center" vertical="center"/>
    </xf>
    <xf numFmtId="0" fontId="2" fillId="0" borderId="49" xfId="1" applyFont="1" applyFill="1" applyBorder="1" applyAlignment="1">
      <alignment horizontal="center" vertical="center"/>
    </xf>
    <xf numFmtId="0" fontId="4" fillId="0" borderId="45" xfId="1" applyFont="1" applyFill="1" applyBorder="1" applyAlignment="1">
      <alignment horizontal="center" vertical="center"/>
    </xf>
    <xf numFmtId="0" fontId="4" fillId="0" borderId="48" xfId="1" applyFont="1" applyFill="1" applyBorder="1" applyAlignment="1">
      <alignment horizontal="center" vertical="center"/>
    </xf>
    <xf numFmtId="0" fontId="4" fillId="0" borderId="54" xfId="1" applyFont="1" applyFill="1" applyBorder="1" applyAlignment="1">
      <alignment horizontal="center" vertical="center"/>
    </xf>
    <xf numFmtId="0" fontId="4" fillId="0" borderId="55" xfId="1" applyFont="1" applyFill="1" applyBorder="1" applyAlignment="1">
      <alignment horizontal="center" vertical="center"/>
    </xf>
    <xf numFmtId="0" fontId="8" fillId="0" borderId="45" xfId="1" applyFont="1" applyBorder="1" applyAlignment="1">
      <alignment horizontal="center" vertical="center"/>
    </xf>
    <xf numFmtId="0" fontId="8" fillId="0" borderId="54" xfId="1" applyFont="1" applyBorder="1" applyAlignment="1">
      <alignment horizontal="center" vertical="center"/>
    </xf>
    <xf numFmtId="0" fontId="8" fillId="0" borderId="48" xfId="1" applyFont="1" applyBorder="1" applyAlignment="1">
      <alignment horizontal="center" vertical="center"/>
    </xf>
    <xf numFmtId="0" fontId="8" fillId="0" borderId="55" xfId="1" applyFont="1" applyBorder="1" applyAlignment="1">
      <alignment horizontal="center" vertical="center"/>
    </xf>
    <xf numFmtId="0" fontId="8" fillId="0" borderId="0" xfId="1" applyFont="1" applyFill="1" applyBorder="1" applyAlignment="1">
      <alignment horizontal="center" vertical="center"/>
    </xf>
    <xf numFmtId="0" fontId="8" fillId="0" borderId="31" xfId="1" applyFont="1" applyFill="1" applyBorder="1" applyAlignment="1">
      <alignment horizontal="center" vertical="center"/>
    </xf>
    <xf numFmtId="0" fontId="2" fillId="0" borderId="21" xfId="1" applyFont="1" applyFill="1" applyBorder="1" applyAlignment="1">
      <alignment horizontal="center" vertical="center"/>
    </xf>
    <xf numFmtId="0" fontId="2" fillId="0" borderId="11" xfId="1" applyFont="1" applyFill="1" applyBorder="1" applyAlignment="1">
      <alignment horizontal="center" vertical="center"/>
    </xf>
    <xf numFmtId="0" fontId="2" fillId="0" borderId="29" xfId="1" applyFont="1" applyFill="1" applyBorder="1" applyAlignment="1">
      <alignment horizontal="center" vertical="center"/>
    </xf>
    <xf numFmtId="0" fontId="2" fillId="0" borderId="5" xfId="1" applyFont="1" applyFill="1" applyBorder="1" applyAlignment="1">
      <alignment horizontal="center" vertical="center"/>
    </xf>
    <xf numFmtId="0" fontId="8" fillId="0" borderId="79" xfId="1" applyFont="1" applyBorder="1" applyAlignment="1">
      <alignment horizontal="center" vertical="center"/>
    </xf>
    <xf numFmtId="0" fontId="8" fillId="0" borderId="81" xfId="1" applyFont="1" applyBorder="1" applyAlignment="1">
      <alignment horizontal="center" vertical="center"/>
    </xf>
    <xf numFmtId="0" fontId="8" fillId="0" borderId="47" xfId="1" applyFont="1" applyBorder="1" applyAlignment="1">
      <alignment horizontal="center" vertical="center"/>
    </xf>
    <xf numFmtId="0" fontId="8" fillId="0" borderId="80" xfId="1" applyFont="1" applyBorder="1" applyAlignment="1">
      <alignment horizontal="center" vertical="center"/>
    </xf>
    <xf numFmtId="0" fontId="2" fillId="0" borderId="58" xfId="1" applyFont="1" applyFill="1" applyBorder="1" applyAlignment="1">
      <alignment horizontal="center" vertical="center"/>
    </xf>
    <xf numFmtId="0" fontId="2" fillId="0" borderId="59" xfId="1" applyFont="1" applyFill="1" applyBorder="1" applyAlignment="1">
      <alignment horizontal="center" vertical="center"/>
    </xf>
    <xf numFmtId="0" fontId="2" fillId="0" borderId="60" xfId="1" applyFont="1" applyFill="1" applyBorder="1" applyAlignment="1">
      <alignment horizontal="center" vertical="center"/>
    </xf>
    <xf numFmtId="0" fontId="8" fillId="0" borderId="49" xfId="1" applyFont="1" applyBorder="1" applyAlignment="1">
      <alignment horizontal="center" vertical="center"/>
    </xf>
    <xf numFmtId="0" fontId="8" fillId="0" borderId="2" xfId="1" applyFont="1" applyFill="1" applyBorder="1" applyAlignment="1">
      <alignment horizontal="center" vertical="center"/>
    </xf>
    <xf numFmtId="0" fontId="8" fillId="0" borderId="26" xfId="1" applyFont="1" applyFill="1" applyBorder="1" applyAlignment="1">
      <alignment horizontal="center" vertical="center"/>
    </xf>
    <xf numFmtId="0" fontId="8" fillId="0" borderId="4" xfId="1" applyFont="1" applyFill="1" applyBorder="1" applyAlignment="1">
      <alignment horizontal="center" vertical="center"/>
    </xf>
    <xf numFmtId="0" fontId="8" fillId="0" borderId="30" xfId="1" applyFont="1" applyFill="1" applyBorder="1" applyAlignment="1">
      <alignment horizontal="center" vertical="center"/>
    </xf>
    <xf numFmtId="0" fontId="4" fillId="0" borderId="44" xfId="1" applyFont="1" applyFill="1" applyBorder="1" applyAlignment="1">
      <alignment horizontal="center" vertical="center"/>
    </xf>
    <xf numFmtId="0" fontId="4" fillId="0" borderId="50" xfId="1" applyFont="1" applyFill="1" applyBorder="1" applyAlignment="1">
      <alignment horizontal="center" vertical="center"/>
    </xf>
    <xf numFmtId="0" fontId="4" fillId="0" borderId="51" xfId="1" applyFont="1" applyFill="1" applyBorder="1" applyAlignment="1">
      <alignment horizontal="center" vertical="center"/>
    </xf>
    <xf numFmtId="0" fontId="4" fillId="0" borderId="52" xfId="1" applyFont="1" applyFill="1" applyBorder="1" applyAlignment="1">
      <alignment horizontal="center" vertical="center"/>
    </xf>
    <xf numFmtId="0" fontId="2" fillId="3" borderId="44" xfId="1" applyFont="1" applyFill="1" applyBorder="1" applyAlignment="1">
      <alignment horizontal="center" vertical="center"/>
    </xf>
    <xf numFmtId="0" fontId="2" fillId="3" borderId="45" xfId="1" applyFont="1" applyFill="1" applyBorder="1" applyAlignment="1">
      <alignment horizontal="center" vertical="center"/>
    </xf>
    <xf numFmtId="0" fontId="2" fillId="3" borderId="46" xfId="1" applyFont="1" applyFill="1" applyBorder="1" applyAlignment="1">
      <alignment horizontal="center" vertical="center"/>
    </xf>
    <xf numFmtId="0" fontId="2" fillId="3" borderId="47" xfId="1" applyFont="1" applyFill="1" applyBorder="1" applyAlignment="1">
      <alignment horizontal="center" vertical="center"/>
    </xf>
    <xf numFmtId="0" fontId="2" fillId="0" borderId="53" xfId="1" applyFont="1" applyFill="1" applyBorder="1" applyAlignment="1">
      <alignment horizontal="center" vertical="center"/>
    </xf>
    <xf numFmtId="0" fontId="2" fillId="0" borderId="54" xfId="1" applyFont="1" applyFill="1" applyBorder="1" applyAlignment="1">
      <alignment horizontal="center" vertical="center"/>
    </xf>
    <xf numFmtId="0" fontId="2" fillId="0" borderId="55" xfId="1" applyFont="1" applyFill="1" applyBorder="1" applyAlignment="1">
      <alignment horizontal="center" vertical="center"/>
    </xf>
    <xf numFmtId="0" fontId="4" fillId="0" borderId="33" xfId="1" applyFont="1" applyBorder="1" applyAlignment="1">
      <alignment horizontal="center" vertical="center" wrapText="1"/>
    </xf>
    <xf numFmtId="0" fontId="4" fillId="0" borderId="34" xfId="1" applyFont="1" applyBorder="1" applyAlignment="1">
      <alignment horizontal="center" vertical="center" wrapText="1"/>
    </xf>
    <xf numFmtId="0" fontId="4" fillId="0" borderId="35" xfId="1" applyFont="1" applyBorder="1" applyAlignment="1">
      <alignment horizontal="center" vertical="center" wrapText="1"/>
    </xf>
    <xf numFmtId="0" fontId="4" fillId="0" borderId="40" xfId="1" applyFont="1" applyBorder="1" applyAlignment="1">
      <alignment horizontal="center" vertical="center" wrapText="1"/>
    </xf>
    <xf numFmtId="0" fontId="4" fillId="0" borderId="41" xfId="1" applyFont="1" applyBorder="1" applyAlignment="1">
      <alignment horizontal="center" vertical="center" wrapText="1"/>
    </xf>
    <xf numFmtId="0" fontId="4" fillId="0" borderId="42" xfId="1" applyFont="1" applyBorder="1" applyAlignment="1">
      <alignment horizontal="center" vertical="center" wrapText="1"/>
    </xf>
    <xf numFmtId="0" fontId="4" fillId="0" borderId="82" xfId="1" applyFont="1" applyBorder="1" applyAlignment="1">
      <alignment horizontal="center" vertical="center"/>
    </xf>
    <xf numFmtId="0" fontId="4" fillId="0" borderId="83" xfId="1" applyFont="1" applyBorder="1" applyAlignment="1">
      <alignment horizontal="center" vertical="center"/>
    </xf>
    <xf numFmtId="0" fontId="4" fillId="0" borderId="34" xfId="1" applyFont="1" applyBorder="1" applyAlignment="1">
      <alignment horizontal="center" vertical="center"/>
    </xf>
    <xf numFmtId="0" fontId="4" fillId="0" borderId="99" xfId="1" applyFont="1" applyBorder="1" applyAlignment="1">
      <alignment horizontal="center" vertical="center"/>
    </xf>
    <xf numFmtId="0" fontId="2" fillId="3" borderId="48" xfId="1" applyFont="1" applyFill="1" applyBorder="1" applyAlignment="1">
      <alignment horizontal="center" vertical="center"/>
    </xf>
    <xf numFmtId="0" fontId="2" fillId="3" borderId="49" xfId="1" applyFont="1" applyFill="1" applyBorder="1" applyAlignment="1">
      <alignment horizontal="center" vertical="center"/>
    </xf>
    <xf numFmtId="0" fontId="8" fillId="3" borderId="45" xfId="1" applyFont="1" applyFill="1" applyBorder="1" applyAlignment="1">
      <alignment horizontal="center" vertical="center"/>
    </xf>
    <xf numFmtId="0" fontId="8" fillId="3" borderId="85" xfId="1" applyFont="1" applyFill="1" applyBorder="1" applyAlignment="1">
      <alignment horizontal="center" vertical="center"/>
    </xf>
    <xf numFmtId="0" fontId="8" fillId="3" borderId="48" xfId="1" applyFont="1" applyFill="1" applyBorder="1" applyAlignment="1">
      <alignment horizontal="center" vertical="center"/>
    </xf>
    <xf numFmtId="0" fontId="8" fillId="3" borderId="86" xfId="1" applyFont="1" applyFill="1" applyBorder="1" applyAlignment="1">
      <alignment horizontal="center" vertical="center"/>
    </xf>
    <xf numFmtId="0" fontId="8" fillId="0" borderId="26" xfId="1" applyFont="1" applyBorder="1" applyAlignment="1">
      <alignment horizontal="center" vertical="center"/>
    </xf>
    <xf numFmtId="0" fontId="8" fillId="0" borderId="27" xfId="1" applyFont="1" applyBorder="1" applyAlignment="1">
      <alignment horizontal="center" vertical="center"/>
    </xf>
    <xf numFmtId="0" fontId="8" fillId="3" borderId="79" xfId="1" applyFont="1" applyFill="1" applyBorder="1" applyAlignment="1">
      <alignment horizontal="center" vertical="center"/>
    </xf>
    <xf numFmtId="0" fontId="8" fillId="3" borderId="84" xfId="1" applyFont="1" applyFill="1" applyBorder="1" applyAlignment="1">
      <alignment horizontal="center" vertical="center"/>
    </xf>
    <xf numFmtId="0" fontId="12" fillId="0" borderId="105" xfId="1" applyFont="1" applyBorder="1" applyAlignment="1">
      <alignment horizontal="center" vertical="center"/>
    </xf>
    <xf numFmtId="0" fontId="12" fillId="0" borderId="101" xfId="1" applyFont="1" applyBorder="1" applyAlignment="1">
      <alignment horizontal="center" vertical="center"/>
    </xf>
    <xf numFmtId="0" fontId="12" fillId="0" borderId="102" xfId="1" applyFont="1" applyBorder="1" applyAlignment="1">
      <alignment horizontal="center" vertical="center"/>
    </xf>
    <xf numFmtId="0" fontId="4" fillId="0" borderId="39" xfId="1" applyFont="1" applyBorder="1" applyAlignment="1">
      <alignment horizontal="center" vertical="center"/>
    </xf>
    <xf numFmtId="0" fontId="4" fillId="0" borderId="43" xfId="1" applyFont="1" applyBorder="1" applyAlignment="1">
      <alignment horizontal="center" vertical="center" wrapText="1"/>
    </xf>
    <xf numFmtId="0" fontId="4" fillId="0" borderId="100" xfId="1" applyFont="1" applyBorder="1" applyAlignment="1">
      <alignment horizontal="center" vertical="center" wrapText="1"/>
    </xf>
    <xf numFmtId="49" fontId="2" fillId="0" borderId="73" xfId="1" applyNumberFormat="1" applyFont="1" applyBorder="1" applyAlignment="1">
      <alignment horizontal="center" vertical="center"/>
    </xf>
    <xf numFmtId="49" fontId="2" fillId="0" borderId="2" xfId="1" applyNumberFormat="1" applyFont="1" applyBorder="1" applyAlignment="1">
      <alignment horizontal="center" vertical="center"/>
    </xf>
    <xf numFmtId="49" fontId="2" fillId="0" borderId="26" xfId="1" applyNumberFormat="1" applyFont="1" applyBorder="1" applyAlignment="1">
      <alignment horizontal="center" vertical="center"/>
    </xf>
    <xf numFmtId="49" fontId="2" fillId="0" borderId="24" xfId="1" applyNumberFormat="1" applyFont="1" applyBorder="1" applyAlignment="1">
      <alignment horizontal="center" vertical="center"/>
    </xf>
    <xf numFmtId="49" fontId="2" fillId="0" borderId="4" xfId="1" applyNumberFormat="1" applyFont="1" applyBorder="1" applyAlignment="1">
      <alignment horizontal="center" vertical="center"/>
    </xf>
    <xf numFmtId="49" fontId="2" fillId="0" borderId="30" xfId="1" applyNumberFormat="1" applyFont="1" applyBorder="1" applyAlignment="1">
      <alignment horizontal="center" vertical="center"/>
    </xf>
    <xf numFmtId="49" fontId="2" fillId="0" borderId="21" xfId="1" applyNumberFormat="1" applyFont="1" applyBorder="1" applyAlignment="1">
      <alignment horizontal="center" vertical="center"/>
    </xf>
    <xf numFmtId="49" fontId="2" fillId="0" borderId="74" xfId="1" applyNumberFormat="1" applyFont="1" applyBorder="1" applyAlignment="1">
      <alignment horizontal="center" vertical="center"/>
    </xf>
    <xf numFmtId="49" fontId="2" fillId="0" borderId="29" xfId="1" applyNumberFormat="1" applyFont="1" applyBorder="1" applyAlignment="1">
      <alignment horizontal="center" vertical="center"/>
    </xf>
    <xf numFmtId="49" fontId="2" fillId="0" borderId="64" xfId="1" applyNumberFormat="1" applyFont="1" applyBorder="1" applyAlignment="1">
      <alignment horizontal="center" vertical="center"/>
    </xf>
    <xf numFmtId="49" fontId="2" fillId="0" borderId="11" xfId="1" applyNumberFormat="1" applyFont="1" applyBorder="1" applyAlignment="1">
      <alignment horizontal="center" vertical="center"/>
    </xf>
    <xf numFmtId="49" fontId="2" fillId="0" borderId="5" xfId="1" applyNumberFormat="1" applyFont="1" applyBorder="1" applyAlignment="1">
      <alignment horizontal="center" vertical="center"/>
    </xf>
    <xf numFmtId="0" fontId="4" fillId="0" borderId="97" xfId="1" applyFont="1" applyBorder="1" applyAlignment="1">
      <alignment horizontal="center" vertical="center"/>
    </xf>
    <xf numFmtId="0" fontId="2" fillId="0" borderId="73" xfId="1" applyFont="1" applyFill="1" applyBorder="1" applyAlignment="1">
      <alignment horizontal="center" vertical="center"/>
    </xf>
    <xf numFmtId="0" fontId="2" fillId="0" borderId="24" xfId="1" applyFont="1" applyFill="1" applyBorder="1" applyAlignment="1">
      <alignment horizontal="center" vertical="center"/>
    </xf>
    <xf numFmtId="0" fontId="5" fillId="0" borderId="73" xfId="1" applyFont="1" applyBorder="1" applyAlignment="1">
      <alignment horizontal="center" vertical="center"/>
    </xf>
    <xf numFmtId="0" fontId="5" fillId="0" borderId="74" xfId="1" applyFont="1" applyBorder="1" applyAlignment="1">
      <alignment horizontal="center" vertical="center"/>
    </xf>
    <xf numFmtId="0" fontId="5" fillId="0" borderId="24" xfId="1" applyFont="1" applyBorder="1" applyAlignment="1">
      <alignment horizontal="center" vertical="center"/>
    </xf>
    <xf numFmtId="0" fontId="5" fillId="0" borderId="64" xfId="1" applyFont="1" applyBorder="1" applyAlignment="1">
      <alignment horizontal="center" vertical="center"/>
    </xf>
    <xf numFmtId="0" fontId="4" fillId="0" borderId="74" xfId="1" applyFont="1" applyBorder="1" applyAlignment="1">
      <alignment horizontal="center" vertical="center"/>
    </xf>
    <xf numFmtId="0" fontId="4" fillId="0" borderId="73" xfId="1" applyFont="1" applyBorder="1" applyAlignment="1">
      <alignment horizontal="center" vertical="center" wrapText="1"/>
    </xf>
    <xf numFmtId="0" fontId="4" fillId="0" borderId="24" xfId="1" applyFont="1" applyBorder="1" applyAlignment="1">
      <alignment horizontal="center" vertical="center" wrapText="1"/>
    </xf>
    <xf numFmtId="0" fontId="4" fillId="0" borderId="94" xfId="1" applyFont="1" applyBorder="1" applyAlignment="1">
      <alignment horizontal="center" vertical="center"/>
    </xf>
    <xf numFmtId="0" fontId="4" fillId="0" borderId="12" xfId="1" applyFont="1" applyBorder="1" applyAlignment="1">
      <alignment horizontal="right" vertical="center"/>
    </xf>
    <xf numFmtId="0" fontId="4" fillId="0" borderId="2" xfId="1" applyFont="1" applyBorder="1" applyAlignment="1">
      <alignment horizontal="right" vertical="center"/>
    </xf>
    <xf numFmtId="0" fontId="4" fillId="0" borderId="26" xfId="1" applyFont="1" applyBorder="1" applyAlignment="1">
      <alignment horizontal="right" vertical="center"/>
    </xf>
    <xf numFmtId="0" fontId="4" fillId="0" borderId="9" xfId="1" applyFont="1" applyBorder="1" applyAlignment="1">
      <alignment horizontal="right" vertical="center"/>
    </xf>
    <xf numFmtId="0" fontId="4" fillId="0" borderId="4" xfId="1" applyFont="1" applyBorder="1" applyAlignment="1">
      <alignment horizontal="right" vertical="center"/>
    </xf>
    <xf numFmtId="0" fontId="4" fillId="0" borderId="30" xfId="1" applyFont="1" applyBorder="1" applyAlignment="1">
      <alignment horizontal="right" vertical="center"/>
    </xf>
    <xf numFmtId="0" fontId="2" fillId="0" borderId="74" xfId="1" applyFont="1" applyFill="1" applyBorder="1" applyAlignment="1">
      <alignment horizontal="center" vertical="center"/>
    </xf>
    <xf numFmtId="0" fontId="2" fillId="0" borderId="64" xfId="1" applyFont="1" applyFill="1" applyBorder="1" applyAlignment="1">
      <alignment horizontal="center" vertical="center"/>
    </xf>
    <xf numFmtId="0" fontId="7" fillId="0" borderId="73" xfId="1" applyFont="1" applyBorder="1" applyAlignment="1">
      <alignment horizontal="center" vertical="center"/>
    </xf>
    <xf numFmtId="0" fontId="7" fillId="0" borderId="2" xfId="1" applyFont="1" applyBorder="1" applyAlignment="1">
      <alignment horizontal="center" vertical="center"/>
    </xf>
    <xf numFmtId="0" fontId="7" fillId="0" borderId="26" xfId="1" applyFont="1" applyBorder="1" applyAlignment="1">
      <alignment horizontal="center" vertical="center"/>
    </xf>
    <xf numFmtId="0" fontId="7" fillId="0" borderId="76" xfId="1" applyFont="1" applyBorder="1" applyAlignment="1">
      <alignment horizontal="center" vertical="center"/>
    </xf>
    <xf numFmtId="0" fontId="7" fillId="0" borderId="13" xfId="1" applyFont="1" applyBorder="1" applyAlignment="1">
      <alignment horizontal="center" vertical="center"/>
    </xf>
    <xf numFmtId="0" fontId="7" fillId="0" borderId="27" xfId="1" applyFont="1" applyBorder="1" applyAlignment="1">
      <alignment horizontal="center" vertical="center"/>
    </xf>
    <xf numFmtId="0" fontId="2" fillId="0" borderId="77" xfId="1" applyFont="1" applyBorder="1" applyAlignment="1">
      <alignment horizontal="center" vertical="center" wrapText="1"/>
    </xf>
    <xf numFmtId="0" fontId="2" fillId="0" borderId="7" xfId="1" applyFont="1" applyBorder="1" applyAlignment="1">
      <alignment horizontal="center" vertical="center" wrapText="1"/>
    </xf>
    <xf numFmtId="0" fontId="2" fillId="0" borderId="8" xfId="1" applyFont="1" applyBorder="1" applyAlignment="1">
      <alignment horizontal="center" vertical="center" wrapText="1"/>
    </xf>
    <xf numFmtId="0" fontId="2" fillId="0" borderId="29" xfId="1" applyFont="1" applyBorder="1" applyAlignment="1">
      <alignment horizontal="center" vertical="center" wrapText="1"/>
    </xf>
    <xf numFmtId="0" fontId="2" fillId="0" borderId="4" xfId="1" applyFont="1" applyBorder="1" applyAlignment="1">
      <alignment horizontal="center" vertical="center" wrapText="1"/>
    </xf>
    <xf numFmtId="0" fontId="2" fillId="0" borderId="5" xfId="1" applyFont="1" applyBorder="1" applyAlignment="1">
      <alignment horizontal="center" vertical="center" wrapText="1"/>
    </xf>
    <xf numFmtId="49" fontId="2" fillId="0" borderId="12" xfId="1" applyNumberFormat="1" applyFont="1" applyBorder="1" applyAlignment="1">
      <alignment horizontal="center" vertical="center"/>
    </xf>
    <xf numFmtId="49" fontId="2" fillId="0" borderId="9" xfId="1" applyNumberFormat="1" applyFont="1" applyBorder="1" applyAlignment="1">
      <alignment horizontal="center" vertical="center"/>
    </xf>
    <xf numFmtId="0" fontId="7" fillId="0" borderId="21" xfId="1" applyFont="1" applyBorder="1" applyAlignment="1">
      <alignment horizontal="center" vertical="center"/>
    </xf>
    <xf numFmtId="0" fontId="7" fillId="0" borderId="74" xfId="1" applyFont="1" applyBorder="1" applyAlignment="1">
      <alignment horizontal="center" vertical="center"/>
    </xf>
    <xf numFmtId="0" fontId="7" fillId="0" borderId="22" xfId="1" applyFont="1" applyBorder="1" applyAlignment="1">
      <alignment horizontal="center" vertical="center"/>
    </xf>
    <xf numFmtId="0" fontId="7" fillId="0" borderId="75" xfId="1" applyFont="1" applyBorder="1" applyAlignment="1">
      <alignment horizontal="center" vertical="center"/>
    </xf>
    <xf numFmtId="0" fontId="2" fillId="0" borderId="97" xfId="1" applyFont="1" applyBorder="1" applyAlignment="1">
      <alignment horizontal="center" vertical="center" wrapText="1"/>
    </xf>
    <xf numFmtId="0" fontId="2" fillId="0" borderId="78" xfId="1" applyFont="1" applyBorder="1" applyAlignment="1">
      <alignment horizontal="center" vertical="center" wrapText="1"/>
    </xf>
    <xf numFmtId="0" fontId="2" fillId="0" borderId="24" xfId="1" applyFont="1" applyBorder="1" applyAlignment="1">
      <alignment horizontal="center" vertical="center" wrapText="1"/>
    </xf>
    <xf numFmtId="0" fontId="2" fillId="0" borderId="30" xfId="1" applyFont="1" applyBorder="1" applyAlignment="1">
      <alignment horizontal="center" vertical="center" wrapText="1"/>
    </xf>
    <xf numFmtId="0" fontId="2" fillId="0" borderId="94" xfId="1" applyFont="1" applyBorder="1" applyAlignment="1">
      <alignment horizontal="center" vertical="center" wrapText="1"/>
    </xf>
    <xf numFmtId="0" fontId="2" fillId="0" borderId="64" xfId="1" applyFont="1" applyBorder="1" applyAlignment="1">
      <alignment horizontal="center" vertical="center" wrapText="1"/>
    </xf>
    <xf numFmtId="49" fontId="2" fillId="0" borderId="76" xfId="1" applyNumberFormat="1" applyFont="1" applyBorder="1" applyAlignment="1">
      <alignment horizontal="center" vertical="center"/>
    </xf>
    <xf numFmtId="49" fontId="2" fillId="0" borderId="13" xfId="1" applyNumberFormat="1" applyFont="1" applyBorder="1" applyAlignment="1">
      <alignment horizontal="center" vertical="center"/>
    </xf>
    <xf numFmtId="49" fontId="2" fillId="0" borderId="27" xfId="1" applyNumberFormat="1" applyFont="1" applyBorder="1" applyAlignment="1">
      <alignment horizontal="center" vertical="center"/>
    </xf>
    <xf numFmtId="49" fontId="2" fillId="0" borderId="22" xfId="1" applyNumberFormat="1" applyFont="1" applyBorder="1" applyAlignment="1">
      <alignment horizontal="center" vertical="center"/>
    </xf>
    <xf numFmtId="49" fontId="2" fillId="0" borderId="75" xfId="1" applyNumberFormat="1" applyFont="1" applyBorder="1" applyAlignment="1">
      <alignment horizontal="center" vertical="center"/>
    </xf>
    <xf numFmtId="49" fontId="13" fillId="0" borderId="12" xfId="1" applyNumberFormat="1" applyFont="1" applyBorder="1" applyAlignment="1">
      <alignment horizontal="center" vertical="center"/>
    </xf>
    <xf numFmtId="49" fontId="13" fillId="0" borderId="2" xfId="1" applyNumberFormat="1" applyFont="1" applyBorder="1" applyAlignment="1">
      <alignment horizontal="center" vertical="center"/>
    </xf>
    <xf numFmtId="49" fontId="13" fillId="0" borderId="11" xfId="1" applyNumberFormat="1" applyFont="1" applyBorder="1" applyAlignment="1">
      <alignment horizontal="center" vertical="center"/>
    </xf>
    <xf numFmtId="49" fontId="13" fillId="0" borderId="9" xfId="1" applyNumberFormat="1" applyFont="1" applyBorder="1" applyAlignment="1">
      <alignment horizontal="center" vertical="center"/>
    </xf>
    <xf numFmtId="49" fontId="13" fillId="0" borderId="4" xfId="1" applyNumberFormat="1" applyFont="1" applyBorder="1" applyAlignment="1">
      <alignment horizontal="center" vertical="center"/>
    </xf>
    <xf numFmtId="49" fontId="13" fillId="0" borderId="5" xfId="1" applyNumberFormat="1" applyFont="1" applyBorder="1" applyAlignment="1">
      <alignment horizontal="center" vertical="center"/>
    </xf>
    <xf numFmtId="0" fontId="4" fillId="0" borderId="40" xfId="1" applyFont="1" applyBorder="1" applyAlignment="1">
      <alignment horizontal="center" vertical="center"/>
    </xf>
    <xf numFmtId="0" fontId="4" fillId="0" borderId="41" xfId="1" applyFont="1" applyBorder="1" applyAlignment="1">
      <alignment horizontal="center" vertical="center"/>
    </xf>
    <xf numFmtId="0" fontId="4" fillId="0" borderId="42" xfId="1" applyFont="1" applyBorder="1" applyAlignment="1">
      <alignment horizontal="center" vertical="center"/>
    </xf>
    <xf numFmtId="0" fontId="4" fillId="0" borderId="87" xfId="1" applyFont="1" applyBorder="1" applyAlignment="1">
      <alignment horizontal="center" vertical="center"/>
    </xf>
    <xf numFmtId="0" fontId="4" fillId="0" borderId="33" xfId="1" applyFont="1" applyBorder="1" applyAlignment="1">
      <alignment horizontal="center" vertical="center"/>
    </xf>
    <xf numFmtId="0" fontId="4" fillId="0" borderId="74" xfId="1" applyFont="1" applyBorder="1" applyAlignment="1">
      <alignment horizontal="center" vertical="center" wrapText="1"/>
    </xf>
    <xf numFmtId="0" fontId="4" fillId="0" borderId="64" xfId="1" applyFont="1" applyBorder="1" applyAlignment="1">
      <alignment horizontal="center" vertical="center" wrapText="1"/>
    </xf>
    <xf numFmtId="0" fontId="4" fillId="0" borderId="98" xfId="1" applyFont="1" applyBorder="1" applyAlignment="1">
      <alignment horizontal="center" vertical="center"/>
    </xf>
    <xf numFmtId="0" fontId="4" fillId="0" borderId="88" xfId="1" applyFont="1" applyBorder="1" applyAlignment="1">
      <alignment horizontal="center" vertical="center"/>
    </xf>
    <xf numFmtId="0" fontId="4" fillId="0" borderId="107" xfId="1" applyFont="1" applyBorder="1" applyAlignment="1">
      <alignment horizontal="center" vertical="center"/>
    </xf>
    <xf numFmtId="0" fontId="4" fillId="0" borderId="90" xfId="1" applyFont="1" applyBorder="1" applyAlignment="1">
      <alignment horizontal="center" vertical="center"/>
    </xf>
    <xf numFmtId="0" fontId="4" fillId="0" borderId="89" xfId="1" applyFont="1" applyBorder="1" applyAlignment="1">
      <alignment horizontal="center" vertical="center"/>
    </xf>
    <xf numFmtId="49" fontId="4" fillId="0" borderId="34" xfId="1" applyNumberFormat="1" applyFont="1" applyBorder="1" applyAlignment="1">
      <alignment horizontal="center" vertical="center"/>
    </xf>
    <xf numFmtId="49" fontId="4" fillId="0" borderId="35" xfId="1" applyNumberFormat="1" applyFont="1" applyBorder="1" applyAlignment="1">
      <alignment horizontal="center" vertical="center"/>
    </xf>
    <xf numFmtId="0" fontId="4" fillId="0" borderId="36" xfId="1" applyFont="1" applyBorder="1" applyAlignment="1">
      <alignment horizontal="center" vertical="center" wrapText="1"/>
    </xf>
    <xf numFmtId="0" fontId="4" fillId="0" borderId="37" xfId="1" applyFont="1" applyBorder="1" applyAlignment="1">
      <alignment horizontal="center" vertical="center" wrapText="1"/>
    </xf>
    <xf numFmtId="0" fontId="4" fillId="0" borderId="38" xfId="1" applyFont="1" applyBorder="1" applyAlignment="1">
      <alignment horizontal="center" vertical="center" wrapText="1"/>
    </xf>
    <xf numFmtId="49" fontId="4" fillId="0" borderId="37" xfId="1" applyNumberFormat="1" applyFont="1" applyBorder="1" applyAlignment="1">
      <alignment horizontal="center" vertical="center"/>
    </xf>
    <xf numFmtId="49" fontId="4" fillId="0" borderId="38" xfId="1" applyNumberFormat="1" applyFont="1" applyBorder="1" applyAlignment="1">
      <alignment horizontal="center" vertical="center"/>
    </xf>
    <xf numFmtId="0" fontId="4" fillId="0" borderId="12" xfId="1" applyFont="1" applyBorder="1" applyAlignment="1">
      <alignment horizontal="center" vertical="center" wrapText="1" shrinkToFit="1"/>
    </xf>
    <xf numFmtId="0" fontId="4" fillId="0" borderId="2" xfId="1" applyFont="1" applyBorder="1" applyAlignment="1">
      <alignment horizontal="center" vertical="center" wrapText="1" shrinkToFit="1"/>
    </xf>
    <xf numFmtId="0" fontId="4" fillId="0" borderId="11" xfId="1" applyFont="1" applyBorder="1" applyAlignment="1">
      <alignment horizontal="center" vertical="center" wrapText="1" shrinkToFit="1"/>
    </xf>
    <xf numFmtId="0" fontId="14" fillId="0" borderId="110" xfId="1" applyFont="1" applyFill="1" applyBorder="1" applyAlignment="1">
      <alignment horizontal="center" vertical="top"/>
    </xf>
    <xf numFmtId="0" fontId="14" fillId="0" borderId="108" xfId="1" applyFont="1" applyFill="1" applyBorder="1" applyAlignment="1">
      <alignment horizontal="center" vertical="top"/>
    </xf>
    <xf numFmtId="0" fontId="14" fillId="0" borderId="109" xfId="1" applyFont="1" applyFill="1" applyBorder="1" applyAlignment="1">
      <alignment horizontal="center" vertical="top"/>
    </xf>
    <xf numFmtId="0" fontId="14" fillId="0" borderId="105" xfId="1" applyFont="1" applyFill="1" applyBorder="1" applyAlignment="1">
      <alignment horizontal="center" vertical="top"/>
    </xf>
    <xf numFmtId="0" fontId="14" fillId="0" borderId="101" xfId="1" applyFont="1" applyFill="1" applyBorder="1" applyAlignment="1">
      <alignment horizontal="center" vertical="top"/>
    </xf>
    <xf numFmtId="0" fontId="14" fillId="0" borderId="102" xfId="1" applyFont="1" applyFill="1" applyBorder="1" applyAlignment="1">
      <alignment horizontal="center" vertical="top"/>
    </xf>
    <xf numFmtId="0" fontId="8" fillId="0" borderId="30" xfId="1" applyFont="1" applyBorder="1" applyAlignment="1">
      <alignment horizontal="center" vertical="center"/>
    </xf>
    <xf numFmtId="0" fontId="13" fillId="0" borderId="44" xfId="1" applyFont="1" applyBorder="1" applyAlignment="1">
      <alignment horizontal="center" vertical="center"/>
    </xf>
    <xf numFmtId="0" fontId="13" fillId="0" borderId="45" xfId="1" applyFont="1" applyBorder="1" applyAlignment="1">
      <alignment horizontal="center" vertical="center"/>
    </xf>
    <xf numFmtId="0" fontId="13" fillId="0" borderId="46" xfId="1" applyFont="1" applyBorder="1" applyAlignment="1">
      <alignment horizontal="center" vertical="center"/>
    </xf>
    <xf numFmtId="0" fontId="13" fillId="0" borderId="47" xfId="1" applyFont="1" applyBorder="1" applyAlignment="1">
      <alignment horizontal="center" vertical="center"/>
    </xf>
    <xf numFmtId="0" fontId="13" fillId="0" borderId="48" xfId="1" applyFont="1" applyBorder="1" applyAlignment="1">
      <alignment horizontal="center" vertical="center"/>
    </xf>
    <xf numFmtId="0" fontId="13" fillId="0" borderId="49" xfId="1" applyFont="1" applyBorder="1" applyAlignment="1">
      <alignment horizontal="center" vertical="center"/>
    </xf>
    <xf numFmtId="0" fontId="4" fillId="0" borderId="7" xfId="1" applyFont="1" applyBorder="1" applyAlignment="1">
      <alignment horizontal="center" vertical="center" wrapText="1"/>
    </xf>
    <xf numFmtId="0" fontId="4" fillId="0" borderId="78" xfId="1" applyFont="1" applyBorder="1" applyAlignment="1">
      <alignment horizontal="center" vertical="center" wrapText="1"/>
    </xf>
    <xf numFmtId="0" fontId="4" fillId="0" borderId="30" xfId="1" applyFont="1" applyBorder="1" applyAlignment="1">
      <alignment horizontal="center" vertical="center" wrapText="1"/>
    </xf>
    <xf numFmtId="0" fontId="4" fillId="0" borderId="7" xfId="1" applyFont="1" applyFill="1" applyBorder="1" applyAlignment="1">
      <alignment horizontal="center" vertical="center"/>
    </xf>
    <xf numFmtId="0" fontId="4" fillId="0" borderId="94" xfId="1" applyFont="1" applyFill="1" applyBorder="1" applyAlignment="1">
      <alignment horizontal="center" vertical="center"/>
    </xf>
    <xf numFmtId="0" fontId="4" fillId="0" borderId="0" xfId="1" applyFont="1" applyFill="1" applyBorder="1" applyAlignment="1">
      <alignment horizontal="center" vertical="center"/>
    </xf>
    <xf numFmtId="0" fontId="4" fillId="0" borderId="16" xfId="1" applyFont="1" applyFill="1" applyBorder="1" applyAlignment="1">
      <alignment horizontal="center" vertical="center"/>
    </xf>
    <xf numFmtId="0" fontId="4" fillId="0" borderId="64" xfId="1" applyFont="1" applyFill="1" applyBorder="1" applyAlignment="1">
      <alignment horizontal="center" vertical="center"/>
    </xf>
    <xf numFmtId="0" fontId="4" fillId="0" borderId="97" xfId="1" applyFont="1" applyFill="1" applyBorder="1" applyAlignment="1">
      <alignment horizontal="center" vertical="center"/>
    </xf>
    <xf numFmtId="0" fontId="4" fillId="0" borderId="8" xfId="1" applyFont="1" applyFill="1" applyBorder="1" applyAlignment="1">
      <alignment horizontal="center" vertical="center"/>
    </xf>
    <xf numFmtId="0" fontId="4" fillId="0" borderId="15" xfId="1" applyFont="1" applyFill="1" applyBorder="1" applyAlignment="1">
      <alignment horizontal="center" vertical="center"/>
    </xf>
    <xf numFmtId="0" fontId="4" fillId="0" borderId="3" xfId="1" applyFont="1" applyFill="1" applyBorder="1" applyAlignment="1">
      <alignment horizontal="center" vertical="center"/>
    </xf>
    <xf numFmtId="0" fontId="4" fillId="0" borderId="24" xfId="1" applyFont="1" applyFill="1" applyBorder="1" applyAlignment="1">
      <alignment horizontal="center" vertical="center"/>
    </xf>
    <xf numFmtId="0" fontId="2" fillId="0" borderId="22" xfId="1" applyFont="1" applyBorder="1" applyAlignment="1">
      <alignment horizontal="center" vertical="center"/>
    </xf>
    <xf numFmtId="0" fontId="2" fillId="0" borderId="1" xfId="1" applyFont="1" applyBorder="1" applyAlignment="1">
      <alignment horizontal="center" vertical="center"/>
    </xf>
    <xf numFmtId="0" fontId="2" fillId="0" borderId="87" xfId="1" applyFont="1" applyBorder="1" applyAlignment="1">
      <alignment horizontal="center" vertical="center"/>
    </xf>
    <xf numFmtId="0" fontId="4" fillId="0" borderId="101" xfId="1" applyFont="1" applyBorder="1" applyAlignment="1">
      <alignment horizontal="center" vertical="center" wrapText="1"/>
    </xf>
    <xf numFmtId="0" fontId="4" fillId="0" borderId="102" xfId="1" applyFont="1" applyBorder="1" applyAlignment="1">
      <alignment horizontal="center" vertical="center" wrapText="1"/>
    </xf>
    <xf numFmtId="0" fontId="4" fillId="0" borderId="103" xfId="1" applyFont="1" applyBorder="1" applyAlignment="1">
      <alignment horizontal="center" vertical="center"/>
    </xf>
    <xf numFmtId="0" fontId="4" fillId="0" borderId="18" xfId="1" applyFont="1" applyBorder="1" applyAlignment="1">
      <alignment horizontal="center" vertical="center"/>
    </xf>
    <xf numFmtId="0" fontId="4" fillId="0" borderId="104" xfId="1" applyFont="1" applyBorder="1" applyAlignment="1">
      <alignment horizontal="center" vertical="center"/>
    </xf>
    <xf numFmtId="0" fontId="4" fillId="0" borderId="105" xfId="1" applyFont="1" applyBorder="1" applyAlignment="1">
      <alignment horizontal="right" vertical="center"/>
    </xf>
    <xf numFmtId="0" fontId="4" fillId="0" borderId="101" xfId="1" applyFont="1" applyBorder="1" applyAlignment="1">
      <alignment horizontal="right" vertical="center"/>
    </xf>
    <xf numFmtId="0" fontId="4" fillId="0" borderId="102" xfId="1" applyFont="1" applyBorder="1" applyAlignment="1">
      <alignment horizontal="right" vertical="center"/>
    </xf>
    <xf numFmtId="0" fontId="2" fillId="0" borderId="63" xfId="1" applyFont="1" applyBorder="1" applyAlignment="1">
      <alignment horizontal="center" vertical="center"/>
    </xf>
    <xf numFmtId="0" fontId="4" fillId="0" borderId="2" xfId="1" applyFont="1" applyBorder="1" applyAlignment="1">
      <alignment horizontal="center" vertical="center" shrinkToFit="1"/>
    </xf>
    <xf numFmtId="0" fontId="4" fillId="0" borderId="10" xfId="1" applyFont="1" applyBorder="1" applyAlignment="1">
      <alignment horizontal="center" vertical="center" shrinkToFit="1"/>
    </xf>
    <xf numFmtId="0" fontId="4" fillId="0" borderId="0" xfId="1" applyFont="1" applyBorder="1" applyAlignment="1">
      <alignment horizontal="center" vertical="center" shrinkToFit="1"/>
    </xf>
    <xf numFmtId="0" fontId="4" fillId="0" borderId="9" xfId="1" applyFont="1" applyBorder="1" applyAlignment="1">
      <alignment horizontal="center" vertical="center" shrinkToFit="1"/>
    </xf>
    <xf numFmtId="0" fontId="4" fillId="0" borderId="4" xfId="1" applyFont="1" applyBorder="1" applyAlignment="1">
      <alignment horizontal="center" vertical="center" shrinkToFit="1"/>
    </xf>
    <xf numFmtId="0" fontId="4" fillId="0" borderId="15" xfId="1" applyFont="1" applyBorder="1" applyAlignment="1">
      <alignment horizontal="center" vertical="center"/>
    </xf>
    <xf numFmtId="0" fontId="5" fillId="0" borderId="105" xfId="1" applyFont="1" applyBorder="1" applyAlignment="1">
      <alignment horizontal="center" vertical="center" wrapText="1" shrinkToFit="1"/>
    </xf>
    <xf numFmtId="0" fontId="5" fillId="0" borderId="101" xfId="1" applyFont="1" applyBorder="1" applyAlignment="1">
      <alignment horizontal="center" vertical="center" wrapText="1" shrinkToFit="1"/>
    </xf>
    <xf numFmtId="0" fontId="5" fillId="0" borderId="43" xfId="1" applyFont="1" applyBorder="1" applyAlignment="1">
      <alignment horizontal="center" vertical="center" wrapText="1" shrinkToFit="1"/>
    </xf>
    <xf numFmtId="0" fontId="5" fillId="0" borderId="100" xfId="1" applyFont="1" applyBorder="1" applyAlignment="1">
      <alignment horizontal="center" vertical="center"/>
    </xf>
    <xf numFmtId="0" fontId="5" fillId="0" borderId="101" xfId="1" applyFont="1" applyBorder="1" applyAlignment="1">
      <alignment horizontal="center" vertical="center"/>
    </xf>
    <xf numFmtId="0" fontId="5" fillId="0" borderId="102" xfId="1" applyFont="1" applyBorder="1" applyAlignment="1">
      <alignment horizontal="center" vertical="center"/>
    </xf>
    <xf numFmtId="0" fontId="4" fillId="0" borderId="11" xfId="1" applyFont="1" applyBorder="1" applyAlignment="1">
      <alignment horizontal="right" vertical="center"/>
    </xf>
    <xf numFmtId="0" fontId="4" fillId="0" borderId="10" xfId="1" applyFont="1" applyBorder="1" applyAlignment="1">
      <alignment horizontal="right" vertical="center"/>
    </xf>
    <xf numFmtId="0" fontId="4" fillId="0" borderId="0" xfId="1" applyFont="1" applyBorder="1" applyAlignment="1">
      <alignment horizontal="right" vertical="center"/>
    </xf>
    <xf numFmtId="0" fontId="4" fillId="0" borderId="3" xfId="1" applyFont="1" applyBorder="1" applyAlignment="1">
      <alignment horizontal="right" vertical="center"/>
    </xf>
    <xf numFmtId="0" fontId="4" fillId="0" borderId="5" xfId="1" applyFont="1" applyBorder="1" applyAlignment="1">
      <alignment horizontal="right" vertical="center"/>
    </xf>
    <xf numFmtId="0" fontId="4" fillId="0" borderId="91" xfId="1" applyFont="1" applyBorder="1" applyAlignment="1">
      <alignment horizontal="center" vertical="center"/>
    </xf>
    <xf numFmtId="0" fontId="4" fillId="0" borderId="92" xfId="1" applyFont="1" applyBorder="1" applyAlignment="1">
      <alignment horizontal="center" vertical="center"/>
    </xf>
    <xf numFmtId="0" fontId="4" fillId="0" borderId="93" xfId="1" applyFont="1" applyBorder="1" applyAlignment="1">
      <alignment horizontal="center" vertical="center"/>
    </xf>
    <xf numFmtId="0" fontId="3" fillId="0" borderId="15" xfId="1" applyFont="1" applyBorder="1" applyAlignment="1">
      <alignment horizontal="center"/>
    </xf>
    <xf numFmtId="0" fontId="3" fillId="0" borderId="0" xfId="1" applyFont="1" applyBorder="1" applyAlignment="1">
      <alignment horizontal="center"/>
    </xf>
    <xf numFmtId="0" fontId="3" fillId="0" borderId="77" xfId="1" applyFont="1" applyBorder="1" applyAlignment="1">
      <alignment horizontal="center"/>
    </xf>
    <xf numFmtId="0" fontId="3" fillId="0" borderId="7" xfId="1" applyFont="1" applyBorder="1" applyAlignment="1">
      <alignment horizontal="center"/>
    </xf>
    <xf numFmtId="0" fontId="3" fillId="0" borderId="94" xfId="1" applyFont="1" applyBorder="1" applyAlignment="1">
      <alignment horizontal="center"/>
    </xf>
    <xf numFmtId="0" fontId="3" fillId="0" borderId="16" xfId="1" applyFont="1" applyBorder="1" applyAlignment="1">
      <alignment horizontal="center"/>
    </xf>
    <xf numFmtId="0" fontId="15" fillId="0" borderId="73" xfId="1" applyFont="1" applyBorder="1" applyAlignment="1">
      <alignment horizontal="center" vertical="center"/>
    </xf>
    <xf numFmtId="0" fontId="15" fillId="0" borderId="2" xfId="1" applyFont="1" applyBorder="1" applyAlignment="1">
      <alignment horizontal="center" vertical="center"/>
    </xf>
    <xf numFmtId="0" fontId="15" fillId="0" borderId="11" xfId="1" applyFont="1" applyBorder="1" applyAlignment="1">
      <alignment horizontal="center" vertical="center"/>
    </xf>
    <xf numFmtId="0" fontId="15" fillId="0" borderId="24" xfId="1" applyFont="1" applyBorder="1" applyAlignment="1">
      <alignment horizontal="center" vertical="center"/>
    </xf>
    <xf numFmtId="0" fontId="15" fillId="0" borderId="4" xfId="1" applyFont="1" applyBorder="1" applyAlignment="1">
      <alignment horizontal="center" vertical="center"/>
    </xf>
    <xf numFmtId="0" fontId="15" fillId="0" borderId="5" xfId="1" applyFont="1" applyBorder="1" applyAlignment="1">
      <alignment horizontal="center" vertical="center"/>
    </xf>
    <xf numFmtId="0" fontId="15" fillId="0" borderId="45" xfId="1" applyFont="1" applyBorder="1" applyAlignment="1">
      <alignment horizontal="center" vertical="center"/>
    </xf>
    <xf numFmtId="0" fontId="15" fillId="0" borderId="47" xfId="1" applyFont="1" applyBorder="1" applyAlignment="1">
      <alignment horizontal="center" vertical="center"/>
    </xf>
    <xf numFmtId="0" fontId="11" fillId="0" borderId="44" xfId="1" applyFont="1" applyBorder="1" applyAlignment="1">
      <alignment horizontal="center" vertical="center"/>
    </xf>
    <xf numFmtId="0" fontId="11" fillId="0" borderId="45" xfId="1" applyFont="1" applyBorder="1" applyAlignment="1">
      <alignment horizontal="center" vertical="center"/>
    </xf>
    <xf numFmtId="0" fontId="11" fillId="0" borderId="46" xfId="1" applyFont="1" applyBorder="1" applyAlignment="1">
      <alignment horizontal="center" vertical="center"/>
    </xf>
    <xf numFmtId="0" fontId="11" fillId="0" borderId="73" xfId="1" applyFont="1" applyBorder="1" applyAlignment="1">
      <alignment horizontal="center" vertical="center"/>
    </xf>
    <xf numFmtId="0" fontId="11" fillId="0" borderId="24" xfId="1" applyFont="1" applyBorder="1" applyAlignment="1">
      <alignment horizontal="center" vertical="center"/>
    </xf>
    <xf numFmtId="0" fontId="15" fillId="0" borderId="44" xfId="1" applyFont="1" applyBorder="1" applyAlignment="1">
      <alignment horizontal="center" vertical="center"/>
    </xf>
    <xf numFmtId="0" fontId="15" fillId="0" borderId="46" xfId="1" applyFont="1" applyBorder="1" applyAlignment="1">
      <alignment horizontal="center" vertical="center"/>
    </xf>
    <xf numFmtId="0" fontId="15" fillId="0" borderId="85" xfId="1" applyFont="1" applyBorder="1" applyAlignment="1">
      <alignment horizontal="center" vertical="center"/>
    </xf>
    <xf numFmtId="0" fontId="15" fillId="0" borderId="76" xfId="1" applyFont="1" applyBorder="1" applyAlignment="1">
      <alignment horizontal="center" vertical="center"/>
    </xf>
    <xf numFmtId="0" fontId="15" fillId="0" borderId="13" xfId="1" applyFont="1" applyBorder="1" applyAlignment="1">
      <alignment horizontal="center" vertical="center"/>
    </xf>
    <xf numFmtId="0" fontId="15" fillId="0" borderId="14" xfId="1" applyFont="1" applyBorder="1" applyAlignment="1">
      <alignment horizontal="center" vertical="center"/>
    </xf>
    <xf numFmtId="0" fontId="11" fillId="0" borderId="95" xfId="1" applyFont="1" applyBorder="1" applyAlignment="1">
      <alignment horizontal="center" vertical="center"/>
    </xf>
    <xf numFmtId="0" fontId="11" fillId="0" borderId="85" xfId="1" applyFont="1" applyBorder="1" applyAlignment="1">
      <alignment horizontal="center" vertical="center"/>
    </xf>
    <xf numFmtId="0" fontId="11" fillId="0" borderId="76" xfId="1" applyFont="1" applyBorder="1" applyAlignment="1">
      <alignment horizontal="center" vertical="center"/>
    </xf>
    <xf numFmtId="0" fontId="15" fillId="0" borderId="95" xfId="1" applyFont="1" applyBorder="1" applyAlignment="1">
      <alignment horizontal="center" vertical="center"/>
    </xf>
    <xf numFmtId="0" fontId="4" fillId="0" borderId="96" xfId="1" applyFont="1" applyFill="1" applyBorder="1" applyAlignment="1">
      <alignment horizontal="center" vertical="center"/>
    </xf>
    <xf numFmtId="0" fontId="4" fillId="0" borderId="71" xfId="1" applyFont="1" applyFill="1" applyBorder="1" applyAlignment="1">
      <alignment horizontal="center" vertical="center"/>
    </xf>
    <xf numFmtId="0" fontId="4" fillId="0" borderId="106" xfId="1" applyFont="1" applyFill="1" applyBorder="1" applyAlignment="1">
      <alignment horizontal="center" vertical="center"/>
    </xf>
    <xf numFmtId="0" fontId="4" fillId="0" borderId="98" xfId="1" applyFont="1" applyFill="1" applyBorder="1" applyAlignment="1">
      <alignment horizontal="center" vertical="center"/>
    </xf>
    <xf numFmtId="0" fontId="4" fillId="0" borderId="1" xfId="1" applyFont="1" applyFill="1" applyBorder="1" applyAlignment="1">
      <alignment horizontal="center" vertical="center"/>
    </xf>
    <xf numFmtId="0" fontId="4" fillId="0" borderId="63" xfId="1" applyFont="1" applyFill="1" applyBorder="1" applyAlignment="1">
      <alignment horizontal="center" vertical="center"/>
    </xf>
    <xf numFmtId="0" fontId="4" fillId="0" borderId="73" xfId="1" applyFont="1" applyBorder="1" applyAlignment="1">
      <alignment horizontal="center" vertical="center"/>
    </xf>
    <xf numFmtId="0" fontId="5" fillId="0" borderId="96" xfId="1" applyFont="1" applyBorder="1" applyAlignment="1">
      <alignment horizontal="center"/>
    </xf>
    <xf numFmtId="0" fontId="5" fillId="0" borderId="71" xfId="1" applyFont="1" applyBorder="1" applyAlignment="1">
      <alignment horizontal="center"/>
    </xf>
    <xf numFmtId="0" fontId="5" fillId="0" borderId="72" xfId="1" applyFont="1" applyBorder="1" applyAlignment="1">
      <alignment horizontal="center"/>
    </xf>
    <xf numFmtId="0" fontId="4" fillId="0" borderId="28" xfId="1" applyFont="1" applyBorder="1" applyAlignment="1">
      <alignment horizontal="center" vertical="center"/>
    </xf>
    <xf numFmtId="0" fontId="4" fillId="0" borderId="31" xfId="1" applyFont="1" applyBorder="1" applyAlignment="1">
      <alignment horizontal="center" vertical="center"/>
    </xf>
    <xf numFmtId="0" fontId="5" fillId="0" borderId="28" xfId="1" applyFont="1" applyBorder="1" applyAlignment="1">
      <alignment horizontal="center" vertical="center" wrapText="1"/>
    </xf>
    <xf numFmtId="0" fontId="5" fillId="0" borderId="0" xfId="1" applyFont="1" applyBorder="1" applyAlignment="1">
      <alignment horizontal="center" vertical="center"/>
    </xf>
    <xf numFmtId="0" fontId="5" fillId="0" borderId="3" xfId="1" applyFont="1" applyBorder="1" applyAlignment="1">
      <alignment horizontal="center" vertical="center"/>
    </xf>
    <xf numFmtId="0" fontId="5" fillId="0" borderId="29" xfId="1" applyFont="1" applyBorder="1" applyAlignment="1">
      <alignment horizontal="center" vertical="center"/>
    </xf>
    <xf numFmtId="0" fontId="5" fillId="0" borderId="5" xfId="1" applyFont="1" applyBorder="1" applyAlignment="1">
      <alignment horizontal="center" vertical="center"/>
    </xf>
    <xf numFmtId="9" fontId="4" fillId="0" borderId="87" xfId="1" applyNumberFormat="1" applyFont="1" applyBorder="1" applyAlignment="1">
      <alignment horizontal="center" vertical="center"/>
    </xf>
    <xf numFmtId="0" fontId="4" fillId="0" borderId="98" xfId="1" applyFont="1" applyBorder="1" applyAlignment="1">
      <alignment horizontal="center" vertical="center" wrapText="1"/>
    </xf>
    <xf numFmtId="0" fontId="4" fillId="0" borderId="107" xfId="1" applyFont="1" applyBorder="1" applyAlignment="1">
      <alignment horizontal="center" vertical="center" wrapText="1"/>
    </xf>
    <xf numFmtId="0" fontId="4" fillId="0" borderId="16" xfId="1" applyFont="1" applyBorder="1" applyAlignment="1">
      <alignment horizontal="center" vertical="center" wrapText="1"/>
    </xf>
  </cellXfs>
  <cellStyles count="2">
    <cellStyle name="標準" xfId="0" builtinId="0"/>
    <cellStyle name="標準_実績記録票　18年10月～(伊丹市版)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F75"/>
  <sheetViews>
    <sheetView zoomScaleNormal="100" workbookViewId="0">
      <selection activeCell="BB4" sqref="BB4:BW5"/>
    </sheetView>
  </sheetViews>
  <sheetFormatPr defaultColWidth="1.88671875" defaultRowHeight="14.25" customHeight="1"/>
  <cols>
    <col min="1" max="1" width="2" style="22" customWidth="1"/>
    <col min="2" max="75" width="1.44140625" style="22" customWidth="1"/>
    <col min="76" max="16384" width="1.88671875" style="22"/>
  </cols>
  <sheetData>
    <row r="1" spans="1:75" ht="18" customHeight="1">
      <c r="B1" s="18" t="s">
        <v>117</v>
      </c>
      <c r="C1" s="18"/>
      <c r="D1" s="18"/>
      <c r="E1" s="18"/>
      <c r="F1" s="18"/>
      <c r="G1" s="18"/>
      <c r="H1" s="18"/>
      <c r="I1" s="18"/>
      <c r="J1" s="18"/>
      <c r="K1" s="18"/>
      <c r="L1" s="18"/>
      <c r="M1" s="18"/>
      <c r="N1" s="18"/>
      <c r="O1" s="18"/>
      <c r="P1" s="18"/>
      <c r="Q1" s="18"/>
      <c r="R1" s="18"/>
      <c r="S1" s="18"/>
      <c r="T1" s="18"/>
      <c r="U1" s="18"/>
      <c r="V1" s="18"/>
      <c r="W1" s="18"/>
      <c r="X1" s="60"/>
      <c r="Y1" s="19" t="s">
        <v>2</v>
      </c>
      <c r="Z1" s="18"/>
      <c r="AA1" s="60"/>
      <c r="AB1" s="19"/>
      <c r="AC1" s="19"/>
      <c r="AD1" s="19"/>
      <c r="AE1" s="19"/>
      <c r="AF1" s="20"/>
      <c r="AG1" s="20"/>
      <c r="AH1" s="20"/>
      <c r="AI1" s="20"/>
      <c r="AJ1" s="20"/>
      <c r="AK1" s="20"/>
      <c r="AL1" s="20"/>
      <c r="AM1" s="20"/>
      <c r="AN1" s="20"/>
      <c r="AO1" s="20"/>
      <c r="AP1" s="20"/>
      <c r="AQ1" s="20"/>
      <c r="AR1" s="20"/>
      <c r="AS1" s="20"/>
      <c r="AT1" s="20"/>
      <c r="AU1" s="20"/>
      <c r="AV1" s="20"/>
      <c r="AW1" s="20"/>
      <c r="AX1" s="21"/>
      <c r="AY1" s="21"/>
      <c r="AZ1" s="21"/>
      <c r="BA1" s="21"/>
      <c r="BB1" s="21"/>
      <c r="BC1" s="21"/>
      <c r="BD1" s="21"/>
      <c r="BE1" s="21"/>
      <c r="BF1" s="21"/>
      <c r="BG1" s="21"/>
      <c r="BH1" s="21"/>
      <c r="BI1" s="21"/>
      <c r="BJ1" s="21"/>
      <c r="BK1" s="21"/>
      <c r="BL1" s="21"/>
      <c r="BM1" s="21"/>
      <c r="BN1" s="21"/>
      <c r="BO1" s="21"/>
      <c r="BP1" s="21"/>
      <c r="BQ1" s="21"/>
      <c r="BR1" s="21"/>
      <c r="BS1" s="21"/>
      <c r="BT1" s="20"/>
      <c r="BU1" s="20"/>
    </row>
    <row r="2" spans="1:75" s="5" customFormat="1" ht="14.1" customHeight="1">
      <c r="B2" s="209" t="s">
        <v>3</v>
      </c>
      <c r="C2" s="210"/>
      <c r="D2" s="210"/>
      <c r="E2" s="210"/>
      <c r="F2" s="210"/>
      <c r="G2" s="210"/>
      <c r="H2" s="210"/>
      <c r="I2" s="210"/>
      <c r="J2" s="210"/>
      <c r="K2" s="210"/>
      <c r="L2" s="210"/>
      <c r="M2" s="210"/>
      <c r="N2" s="210"/>
      <c r="O2" s="210"/>
      <c r="P2" s="210"/>
      <c r="Q2" s="210"/>
      <c r="R2" s="210"/>
      <c r="S2" s="210"/>
      <c r="T2" s="210"/>
      <c r="U2" s="211"/>
      <c r="V2" s="212" t="s">
        <v>75</v>
      </c>
      <c r="W2" s="213"/>
      <c r="X2" s="213"/>
      <c r="Y2" s="213"/>
      <c r="Z2" s="213"/>
      <c r="AA2" s="213"/>
      <c r="AB2" s="213"/>
      <c r="AC2" s="213"/>
      <c r="AD2" s="213"/>
      <c r="AE2" s="214"/>
      <c r="AF2" s="205"/>
      <c r="AG2" s="198"/>
      <c r="AH2" s="198"/>
      <c r="AI2" s="198"/>
      <c r="AJ2" s="198"/>
      <c r="AK2" s="198"/>
      <c r="AL2" s="198"/>
      <c r="AM2" s="198"/>
      <c r="AN2" s="198"/>
      <c r="AO2" s="198"/>
      <c r="AP2" s="198"/>
      <c r="AQ2" s="198"/>
      <c r="AR2" s="198"/>
      <c r="AS2" s="221"/>
      <c r="AT2" s="205" t="s">
        <v>0</v>
      </c>
      <c r="AU2" s="198"/>
      <c r="AV2" s="198"/>
      <c r="AW2" s="198"/>
      <c r="AX2" s="198"/>
      <c r="AY2" s="198"/>
      <c r="AZ2" s="198"/>
      <c r="BA2" s="221"/>
      <c r="BB2" s="198"/>
      <c r="BC2" s="206"/>
      <c r="BD2" s="197"/>
      <c r="BE2" s="206"/>
      <c r="BF2" s="197"/>
      <c r="BG2" s="206"/>
      <c r="BH2" s="197"/>
      <c r="BI2" s="206"/>
      <c r="BJ2" s="197"/>
      <c r="BK2" s="206"/>
      <c r="BL2" s="197"/>
      <c r="BM2" s="206"/>
      <c r="BN2" s="197"/>
      <c r="BO2" s="206"/>
      <c r="BP2" s="197"/>
      <c r="BQ2" s="206"/>
      <c r="BR2" s="197"/>
      <c r="BS2" s="198"/>
      <c r="BT2" s="201"/>
      <c r="BU2" s="202"/>
      <c r="BV2" s="48"/>
      <c r="BW2" s="49"/>
    </row>
    <row r="3" spans="1:75" s="5" customFormat="1" ht="14.1" customHeight="1">
      <c r="B3" s="205"/>
      <c r="C3" s="206"/>
      <c r="D3" s="197"/>
      <c r="E3" s="206"/>
      <c r="F3" s="197"/>
      <c r="G3" s="206"/>
      <c r="H3" s="197"/>
      <c r="I3" s="206"/>
      <c r="J3" s="197"/>
      <c r="K3" s="206"/>
      <c r="L3" s="197"/>
      <c r="M3" s="206"/>
      <c r="N3" s="197"/>
      <c r="O3" s="206"/>
      <c r="P3" s="197"/>
      <c r="Q3" s="206"/>
      <c r="R3" s="197"/>
      <c r="S3" s="206"/>
      <c r="T3" s="197"/>
      <c r="U3" s="221"/>
      <c r="V3" s="215"/>
      <c r="W3" s="216"/>
      <c r="X3" s="216"/>
      <c r="Y3" s="216"/>
      <c r="Z3" s="216"/>
      <c r="AA3" s="216"/>
      <c r="AB3" s="216"/>
      <c r="AC3" s="216"/>
      <c r="AD3" s="216"/>
      <c r="AE3" s="217"/>
      <c r="AF3" s="222"/>
      <c r="AG3" s="223"/>
      <c r="AH3" s="223"/>
      <c r="AI3" s="223"/>
      <c r="AJ3" s="223"/>
      <c r="AK3" s="223"/>
      <c r="AL3" s="223"/>
      <c r="AM3" s="223"/>
      <c r="AN3" s="223"/>
      <c r="AO3" s="223"/>
      <c r="AP3" s="223"/>
      <c r="AQ3" s="223"/>
      <c r="AR3" s="223"/>
      <c r="AS3" s="224"/>
      <c r="AT3" s="207"/>
      <c r="AU3" s="200"/>
      <c r="AV3" s="200"/>
      <c r="AW3" s="200"/>
      <c r="AX3" s="200"/>
      <c r="AY3" s="200"/>
      <c r="AZ3" s="200"/>
      <c r="BA3" s="225"/>
      <c r="BB3" s="200"/>
      <c r="BC3" s="208"/>
      <c r="BD3" s="199"/>
      <c r="BE3" s="208"/>
      <c r="BF3" s="199"/>
      <c r="BG3" s="208"/>
      <c r="BH3" s="199"/>
      <c r="BI3" s="208"/>
      <c r="BJ3" s="199"/>
      <c r="BK3" s="208"/>
      <c r="BL3" s="199"/>
      <c r="BM3" s="208"/>
      <c r="BN3" s="199"/>
      <c r="BO3" s="208"/>
      <c r="BP3" s="199"/>
      <c r="BQ3" s="208"/>
      <c r="BR3" s="199"/>
      <c r="BS3" s="200"/>
      <c r="BT3" s="203"/>
      <c r="BU3" s="204"/>
      <c r="BV3" s="50"/>
      <c r="BW3" s="51"/>
    </row>
    <row r="4" spans="1:75" s="5" customFormat="1" ht="15" customHeight="1">
      <c r="B4" s="207"/>
      <c r="C4" s="208"/>
      <c r="D4" s="199"/>
      <c r="E4" s="208"/>
      <c r="F4" s="199"/>
      <c r="G4" s="208"/>
      <c r="H4" s="199"/>
      <c r="I4" s="208"/>
      <c r="J4" s="199"/>
      <c r="K4" s="208"/>
      <c r="L4" s="199"/>
      <c r="M4" s="208"/>
      <c r="N4" s="199"/>
      <c r="O4" s="208"/>
      <c r="P4" s="199"/>
      <c r="Q4" s="208"/>
      <c r="R4" s="199"/>
      <c r="S4" s="208"/>
      <c r="T4" s="199"/>
      <c r="U4" s="225"/>
      <c r="V4" s="218"/>
      <c r="W4" s="219"/>
      <c r="X4" s="219"/>
      <c r="Y4" s="219"/>
      <c r="Z4" s="219"/>
      <c r="AA4" s="219"/>
      <c r="AB4" s="219"/>
      <c r="AC4" s="219"/>
      <c r="AD4" s="219"/>
      <c r="AE4" s="220"/>
      <c r="AF4" s="207"/>
      <c r="AG4" s="200"/>
      <c r="AH4" s="200"/>
      <c r="AI4" s="200"/>
      <c r="AJ4" s="200"/>
      <c r="AK4" s="200"/>
      <c r="AL4" s="200"/>
      <c r="AM4" s="200"/>
      <c r="AN4" s="200"/>
      <c r="AO4" s="200"/>
      <c r="AP4" s="200"/>
      <c r="AQ4" s="200"/>
      <c r="AR4" s="200"/>
      <c r="AS4" s="225"/>
      <c r="AT4" s="244" t="s">
        <v>74</v>
      </c>
      <c r="AU4" s="245"/>
      <c r="AV4" s="245"/>
      <c r="AW4" s="245"/>
      <c r="AX4" s="245"/>
      <c r="AY4" s="245"/>
      <c r="AZ4" s="245"/>
      <c r="BA4" s="246"/>
      <c r="BB4" s="223"/>
      <c r="BC4" s="223"/>
      <c r="BD4" s="223"/>
      <c r="BE4" s="223"/>
      <c r="BF4" s="223"/>
      <c r="BG4" s="223"/>
      <c r="BH4" s="223"/>
      <c r="BI4" s="223"/>
      <c r="BJ4" s="223"/>
      <c r="BK4" s="223"/>
      <c r="BL4" s="223"/>
      <c r="BM4" s="223"/>
      <c r="BN4" s="223"/>
      <c r="BO4" s="223"/>
      <c r="BP4" s="223"/>
      <c r="BQ4" s="223"/>
      <c r="BR4" s="223"/>
      <c r="BS4" s="223"/>
      <c r="BT4" s="223"/>
      <c r="BU4" s="223"/>
      <c r="BV4" s="223"/>
      <c r="BW4" s="224"/>
    </row>
    <row r="5" spans="1:75" s="5" customFormat="1" ht="14.1" customHeight="1">
      <c r="B5" s="212" t="s">
        <v>76</v>
      </c>
      <c r="C5" s="213"/>
      <c r="D5" s="213"/>
      <c r="E5" s="213"/>
      <c r="F5" s="213"/>
      <c r="G5" s="213"/>
      <c r="H5" s="213"/>
      <c r="I5" s="213"/>
      <c r="J5" s="214"/>
      <c r="K5" s="235" t="s">
        <v>6</v>
      </c>
      <c r="L5" s="236"/>
      <c r="M5" s="236"/>
      <c r="N5" s="236"/>
      <c r="O5" s="236"/>
      <c r="P5" s="236"/>
      <c r="Q5" s="243"/>
      <c r="R5" s="235" t="s">
        <v>7</v>
      </c>
      <c r="S5" s="236"/>
      <c r="T5" s="236"/>
      <c r="U5" s="236"/>
      <c r="V5" s="236"/>
      <c r="W5" s="236"/>
      <c r="X5" s="243"/>
      <c r="Y5" s="235" t="s">
        <v>8</v>
      </c>
      <c r="Z5" s="236"/>
      <c r="AA5" s="236"/>
      <c r="AB5" s="236"/>
      <c r="AC5" s="236"/>
      <c r="AD5" s="236"/>
      <c r="AE5" s="243"/>
      <c r="AF5" s="235" t="s">
        <v>9</v>
      </c>
      <c r="AG5" s="236"/>
      <c r="AH5" s="236"/>
      <c r="AI5" s="236"/>
      <c r="AJ5" s="236"/>
      <c r="AK5" s="236"/>
      <c r="AL5" s="243"/>
      <c r="AM5" s="235" t="s">
        <v>10</v>
      </c>
      <c r="AN5" s="236"/>
      <c r="AO5" s="236"/>
      <c r="AP5" s="236"/>
      <c r="AQ5" s="236"/>
      <c r="AR5" s="236"/>
      <c r="AS5" s="243"/>
      <c r="AT5" s="247"/>
      <c r="AU5" s="248"/>
      <c r="AV5" s="248"/>
      <c r="AW5" s="248"/>
      <c r="AX5" s="248"/>
      <c r="AY5" s="248"/>
      <c r="AZ5" s="248"/>
      <c r="BA5" s="249"/>
      <c r="BB5" s="200"/>
      <c r="BC5" s="200"/>
      <c r="BD5" s="200"/>
      <c r="BE5" s="200"/>
      <c r="BF5" s="200"/>
      <c r="BG5" s="200"/>
      <c r="BH5" s="200"/>
      <c r="BI5" s="200"/>
      <c r="BJ5" s="200"/>
      <c r="BK5" s="200"/>
      <c r="BL5" s="200"/>
      <c r="BM5" s="200"/>
      <c r="BN5" s="200"/>
      <c r="BO5" s="200"/>
      <c r="BP5" s="200"/>
      <c r="BQ5" s="200"/>
      <c r="BR5" s="200"/>
      <c r="BS5" s="200"/>
      <c r="BT5" s="200"/>
      <c r="BU5" s="200"/>
      <c r="BV5" s="200"/>
      <c r="BW5" s="225"/>
    </row>
    <row r="6" spans="1:75" s="5" customFormat="1" ht="14.1" customHeight="1">
      <c r="B6" s="215"/>
      <c r="C6" s="216"/>
      <c r="D6" s="216"/>
      <c r="E6" s="216"/>
      <c r="F6" s="216"/>
      <c r="G6" s="216"/>
      <c r="H6" s="216"/>
      <c r="I6" s="216"/>
      <c r="J6" s="217"/>
      <c r="K6" s="212"/>
      <c r="L6" s="213"/>
      <c r="M6" s="213"/>
      <c r="N6" s="213"/>
      <c r="O6" s="213"/>
      <c r="P6" s="213"/>
      <c r="Q6" s="214"/>
      <c r="R6" s="212"/>
      <c r="S6" s="213"/>
      <c r="T6" s="213"/>
      <c r="U6" s="213"/>
      <c r="V6" s="213"/>
      <c r="W6" s="213"/>
      <c r="X6" s="214"/>
      <c r="Y6" s="212"/>
      <c r="Z6" s="213"/>
      <c r="AA6" s="213"/>
      <c r="AB6" s="213"/>
      <c r="AC6" s="213"/>
      <c r="AD6" s="213"/>
      <c r="AE6" s="214"/>
      <c r="AF6" s="212"/>
      <c r="AG6" s="213"/>
      <c r="AH6" s="213"/>
      <c r="AI6" s="213"/>
      <c r="AJ6" s="213"/>
      <c r="AK6" s="213"/>
      <c r="AL6" s="214"/>
      <c r="AM6" s="212"/>
      <c r="AN6" s="213"/>
      <c r="AO6" s="213"/>
      <c r="AP6" s="213"/>
      <c r="AQ6" s="213"/>
      <c r="AR6" s="213"/>
      <c r="AS6" s="214"/>
      <c r="AT6" s="212" t="s">
        <v>11</v>
      </c>
      <c r="AU6" s="213"/>
      <c r="AV6" s="213"/>
      <c r="AW6" s="213"/>
      <c r="AX6" s="213"/>
      <c r="AY6" s="213"/>
      <c r="AZ6" s="213"/>
      <c r="BA6" s="213"/>
      <c r="BB6" s="213"/>
      <c r="BC6" s="213"/>
      <c r="BD6" s="213"/>
      <c r="BE6" s="214"/>
      <c r="BF6" s="146"/>
      <c r="BG6" s="146"/>
      <c r="BH6" s="146"/>
      <c r="BI6" s="198"/>
      <c r="BJ6" s="198"/>
      <c r="BK6" s="198"/>
      <c r="BL6" s="198"/>
      <c r="BM6" s="198"/>
      <c r="BN6" s="198"/>
      <c r="BO6" s="198"/>
      <c r="BP6" s="198"/>
      <c r="BQ6" s="198"/>
      <c r="BR6" s="146"/>
      <c r="BS6" s="146"/>
      <c r="BT6" s="146"/>
      <c r="BU6" s="198" t="s">
        <v>12</v>
      </c>
      <c r="BV6" s="198"/>
      <c r="BW6" s="152"/>
    </row>
    <row r="7" spans="1:75" s="5" customFormat="1" ht="14.1" customHeight="1">
      <c r="B7" s="218"/>
      <c r="C7" s="219"/>
      <c r="D7" s="219"/>
      <c r="E7" s="219"/>
      <c r="F7" s="219"/>
      <c r="G7" s="219"/>
      <c r="H7" s="219"/>
      <c r="I7" s="219"/>
      <c r="J7" s="220"/>
      <c r="K7" s="218"/>
      <c r="L7" s="219"/>
      <c r="M7" s="219"/>
      <c r="N7" s="219"/>
      <c r="O7" s="219"/>
      <c r="P7" s="219"/>
      <c r="Q7" s="220"/>
      <c r="R7" s="218"/>
      <c r="S7" s="219"/>
      <c r="T7" s="219"/>
      <c r="U7" s="219"/>
      <c r="V7" s="219"/>
      <c r="W7" s="219"/>
      <c r="X7" s="220"/>
      <c r="Y7" s="218"/>
      <c r="Z7" s="219"/>
      <c r="AA7" s="219"/>
      <c r="AB7" s="219"/>
      <c r="AC7" s="219"/>
      <c r="AD7" s="219"/>
      <c r="AE7" s="220"/>
      <c r="AF7" s="218"/>
      <c r="AG7" s="219"/>
      <c r="AH7" s="219"/>
      <c r="AI7" s="219"/>
      <c r="AJ7" s="219"/>
      <c r="AK7" s="219"/>
      <c r="AL7" s="220"/>
      <c r="AM7" s="218"/>
      <c r="AN7" s="219"/>
      <c r="AO7" s="219"/>
      <c r="AP7" s="219"/>
      <c r="AQ7" s="219"/>
      <c r="AR7" s="219"/>
      <c r="AS7" s="220"/>
      <c r="AT7" s="218"/>
      <c r="AU7" s="219"/>
      <c r="AV7" s="219"/>
      <c r="AW7" s="219"/>
      <c r="AX7" s="219"/>
      <c r="AY7" s="219"/>
      <c r="AZ7" s="219"/>
      <c r="BA7" s="219"/>
      <c r="BB7" s="219"/>
      <c r="BC7" s="219"/>
      <c r="BD7" s="219"/>
      <c r="BE7" s="220"/>
      <c r="BF7" s="147"/>
      <c r="BG7" s="147"/>
      <c r="BH7" s="147"/>
      <c r="BI7" s="200"/>
      <c r="BJ7" s="200"/>
      <c r="BK7" s="200"/>
      <c r="BL7" s="200"/>
      <c r="BM7" s="200"/>
      <c r="BN7" s="200"/>
      <c r="BO7" s="200"/>
      <c r="BP7" s="200"/>
      <c r="BQ7" s="200"/>
      <c r="BR7" s="147"/>
      <c r="BS7" s="147"/>
      <c r="BT7" s="147"/>
      <c r="BU7" s="200"/>
      <c r="BV7" s="200"/>
      <c r="BW7" s="150"/>
    </row>
    <row r="8" spans="1:75" ht="8.1" customHeight="1" thickBot="1">
      <c r="B8" s="151"/>
      <c r="C8" s="151"/>
      <c r="D8" s="151"/>
      <c r="E8" s="151"/>
      <c r="F8" s="151"/>
      <c r="G8" s="151"/>
      <c r="H8" s="151"/>
      <c r="I8" s="151"/>
      <c r="J8" s="151"/>
      <c r="K8" s="151"/>
      <c r="L8" s="151"/>
      <c r="M8" s="151"/>
      <c r="N8" s="151"/>
      <c r="O8" s="151"/>
      <c r="P8" s="151"/>
      <c r="Q8" s="151"/>
      <c r="R8" s="147"/>
      <c r="S8" s="147"/>
      <c r="T8" s="147"/>
      <c r="U8" s="147"/>
      <c r="V8" s="147"/>
      <c r="W8" s="147"/>
      <c r="X8" s="147"/>
      <c r="Y8" s="147"/>
      <c r="Z8" s="147"/>
      <c r="AA8" s="147"/>
      <c r="AB8" s="147"/>
      <c r="AC8" s="147"/>
      <c r="AD8" s="147"/>
      <c r="AE8" s="147"/>
      <c r="AF8" s="147"/>
      <c r="AG8" s="147"/>
      <c r="AH8" s="147"/>
      <c r="AI8" s="147"/>
      <c r="AJ8" s="147"/>
      <c r="AK8" s="147"/>
      <c r="AL8" s="153"/>
      <c r="AM8" s="153"/>
      <c r="AN8" s="153"/>
      <c r="AO8" s="153"/>
      <c r="AP8" s="153"/>
      <c r="AQ8" s="153"/>
      <c r="AR8" s="153"/>
      <c r="AS8" s="153"/>
      <c r="AT8" s="153"/>
      <c r="AU8" s="153"/>
      <c r="AV8" s="153"/>
      <c r="AW8" s="153"/>
      <c r="AX8" s="153"/>
      <c r="AY8" s="153"/>
      <c r="AZ8" s="153"/>
      <c r="BA8" s="153"/>
      <c r="BB8" s="153"/>
      <c r="BC8" s="153"/>
      <c r="BD8" s="147"/>
      <c r="BE8" s="147"/>
      <c r="BF8" s="147"/>
      <c r="BG8" s="147"/>
      <c r="BH8" s="147"/>
      <c r="BI8" s="147"/>
      <c r="BJ8" s="147"/>
      <c r="BK8" s="147"/>
      <c r="BL8" s="147"/>
      <c r="BM8" s="147"/>
      <c r="BN8" s="147"/>
      <c r="BO8" s="147"/>
      <c r="BP8" s="147"/>
      <c r="BQ8" s="147"/>
      <c r="BR8" s="147"/>
      <c r="BS8" s="147"/>
      <c r="BT8" s="147"/>
      <c r="BU8" s="147"/>
      <c r="BV8" s="147"/>
      <c r="BW8" s="147"/>
    </row>
    <row r="9" spans="1:75" ht="12" customHeight="1" thickTop="1">
      <c r="B9" s="205" t="s">
        <v>13</v>
      </c>
      <c r="C9" s="198"/>
      <c r="D9" s="221"/>
      <c r="E9" s="205" t="s">
        <v>14</v>
      </c>
      <c r="F9" s="198"/>
      <c r="G9" s="221"/>
      <c r="H9" s="235" t="s">
        <v>15</v>
      </c>
      <c r="I9" s="236"/>
      <c r="J9" s="236"/>
      <c r="K9" s="236"/>
      <c r="L9" s="236"/>
      <c r="M9" s="236"/>
      <c r="N9" s="236"/>
      <c r="O9" s="236"/>
      <c r="P9" s="236"/>
      <c r="Q9" s="236"/>
      <c r="R9" s="236"/>
      <c r="S9" s="236"/>
      <c r="T9" s="236"/>
      <c r="U9" s="236"/>
      <c r="V9" s="209" t="s">
        <v>16</v>
      </c>
      <c r="W9" s="210"/>
      <c r="X9" s="210"/>
      <c r="Y9" s="210"/>
      <c r="Z9" s="210"/>
      <c r="AA9" s="210"/>
      <c r="AB9" s="210"/>
      <c r="AC9" s="210"/>
      <c r="AD9" s="210"/>
      <c r="AE9" s="210"/>
      <c r="AF9" s="210"/>
      <c r="AG9" s="210"/>
      <c r="AH9" s="237" t="s">
        <v>17</v>
      </c>
      <c r="AI9" s="238"/>
      <c r="AJ9" s="238"/>
      <c r="AK9" s="238"/>
      <c r="AL9" s="238"/>
      <c r="AM9" s="238"/>
      <c r="AN9" s="238"/>
      <c r="AO9" s="238"/>
      <c r="AP9" s="238"/>
      <c r="AQ9" s="238"/>
      <c r="AR9" s="238"/>
      <c r="AS9" s="238"/>
      <c r="AT9" s="238"/>
      <c r="AU9" s="238"/>
      <c r="AV9" s="238"/>
      <c r="AW9" s="238"/>
      <c r="AX9" s="238"/>
      <c r="AY9" s="239"/>
      <c r="AZ9" s="240" t="s">
        <v>18</v>
      </c>
      <c r="BA9" s="213"/>
      <c r="BB9" s="213"/>
      <c r="BC9" s="214"/>
      <c r="BD9" s="266" t="s">
        <v>126</v>
      </c>
      <c r="BE9" s="267"/>
      <c r="BF9" s="267"/>
      <c r="BG9" s="268"/>
      <c r="BH9" s="275" t="s">
        <v>127</v>
      </c>
      <c r="BI9" s="276"/>
      <c r="BJ9" s="276"/>
      <c r="BK9" s="277"/>
      <c r="BL9" s="284" t="s">
        <v>86</v>
      </c>
      <c r="BM9" s="285"/>
      <c r="BN9" s="285"/>
      <c r="BO9" s="285"/>
      <c r="BP9" s="285"/>
      <c r="BQ9" s="285"/>
      <c r="BR9" s="285"/>
      <c r="BS9" s="286"/>
      <c r="BT9" s="292" t="s">
        <v>132</v>
      </c>
      <c r="BU9" s="293"/>
      <c r="BV9" s="293"/>
      <c r="BW9" s="294"/>
    </row>
    <row r="10" spans="1:75" ht="12" customHeight="1">
      <c r="B10" s="222"/>
      <c r="C10" s="223"/>
      <c r="D10" s="224"/>
      <c r="E10" s="222"/>
      <c r="F10" s="223"/>
      <c r="G10" s="224"/>
      <c r="H10" s="226" t="s">
        <v>19</v>
      </c>
      <c r="I10" s="227"/>
      <c r="J10" s="227"/>
      <c r="K10" s="227"/>
      <c r="L10" s="227"/>
      <c r="M10" s="227"/>
      <c r="N10" s="227"/>
      <c r="O10" s="227"/>
      <c r="P10" s="227"/>
      <c r="Q10" s="227"/>
      <c r="R10" s="227"/>
      <c r="S10" s="227"/>
      <c r="T10" s="227"/>
      <c r="U10" s="228"/>
      <c r="V10" s="205" t="s">
        <v>20</v>
      </c>
      <c r="W10" s="198"/>
      <c r="X10" s="198"/>
      <c r="Y10" s="198"/>
      <c r="Z10" s="198"/>
      <c r="AA10" s="221"/>
      <c r="AB10" s="205" t="s">
        <v>21</v>
      </c>
      <c r="AC10" s="198"/>
      <c r="AD10" s="198"/>
      <c r="AE10" s="198"/>
      <c r="AF10" s="198"/>
      <c r="AG10" s="229"/>
      <c r="AH10" s="231" t="s">
        <v>22</v>
      </c>
      <c r="AI10" s="232"/>
      <c r="AJ10" s="232"/>
      <c r="AK10" s="233" t="s">
        <v>23</v>
      </c>
      <c r="AL10" s="232"/>
      <c r="AM10" s="234"/>
      <c r="AN10" s="232" t="s">
        <v>24</v>
      </c>
      <c r="AO10" s="232"/>
      <c r="AP10" s="232"/>
      <c r="AQ10" s="233" t="s">
        <v>25</v>
      </c>
      <c r="AR10" s="232"/>
      <c r="AS10" s="234"/>
      <c r="AT10" s="233" t="s">
        <v>22</v>
      </c>
      <c r="AU10" s="232"/>
      <c r="AV10" s="232"/>
      <c r="AW10" s="250" t="s">
        <v>26</v>
      </c>
      <c r="AX10" s="251"/>
      <c r="AY10" s="252"/>
      <c r="AZ10" s="241"/>
      <c r="BA10" s="216"/>
      <c r="BB10" s="216"/>
      <c r="BC10" s="217"/>
      <c r="BD10" s="269"/>
      <c r="BE10" s="270"/>
      <c r="BF10" s="270"/>
      <c r="BG10" s="271"/>
      <c r="BH10" s="278"/>
      <c r="BI10" s="279"/>
      <c r="BJ10" s="279"/>
      <c r="BK10" s="280"/>
      <c r="BL10" s="256" t="s">
        <v>79</v>
      </c>
      <c r="BM10" s="257"/>
      <c r="BN10" s="257"/>
      <c r="BO10" s="257"/>
      <c r="BP10" s="257"/>
      <c r="BQ10" s="257"/>
      <c r="BR10" s="258"/>
      <c r="BS10" s="259"/>
      <c r="BT10" s="295"/>
      <c r="BU10" s="296"/>
      <c r="BV10" s="296"/>
      <c r="BW10" s="297"/>
    </row>
    <row r="11" spans="1:75" ht="12" customHeight="1">
      <c r="B11" s="207"/>
      <c r="C11" s="200"/>
      <c r="D11" s="225"/>
      <c r="E11" s="207"/>
      <c r="F11" s="200"/>
      <c r="G11" s="225"/>
      <c r="H11" s="260" t="s">
        <v>1</v>
      </c>
      <c r="I11" s="261"/>
      <c r="J11" s="261"/>
      <c r="K11" s="261"/>
      <c r="L11" s="261"/>
      <c r="M11" s="261"/>
      <c r="N11" s="261"/>
      <c r="O11" s="261"/>
      <c r="P11" s="261"/>
      <c r="Q11" s="261"/>
      <c r="R11" s="261"/>
      <c r="S11" s="261"/>
      <c r="T11" s="261"/>
      <c r="U11" s="261"/>
      <c r="V11" s="207"/>
      <c r="W11" s="200"/>
      <c r="X11" s="200"/>
      <c r="Y11" s="200"/>
      <c r="Z11" s="200"/>
      <c r="AA11" s="225"/>
      <c r="AB11" s="207"/>
      <c r="AC11" s="200"/>
      <c r="AD11" s="200"/>
      <c r="AE11" s="200"/>
      <c r="AF11" s="200"/>
      <c r="AG11" s="230"/>
      <c r="AH11" s="262" t="s">
        <v>27</v>
      </c>
      <c r="AI11" s="263"/>
      <c r="AJ11" s="263"/>
      <c r="AK11" s="264" t="s">
        <v>28</v>
      </c>
      <c r="AL11" s="263"/>
      <c r="AM11" s="265"/>
      <c r="AN11" s="263" t="s">
        <v>29</v>
      </c>
      <c r="AO11" s="263"/>
      <c r="AP11" s="263"/>
      <c r="AQ11" s="264" t="s">
        <v>30</v>
      </c>
      <c r="AR11" s="263"/>
      <c r="AS11" s="265"/>
      <c r="AT11" s="264" t="s">
        <v>31</v>
      </c>
      <c r="AU11" s="263"/>
      <c r="AV11" s="263"/>
      <c r="AW11" s="253"/>
      <c r="AX11" s="254"/>
      <c r="AY11" s="255"/>
      <c r="AZ11" s="242"/>
      <c r="BA11" s="219"/>
      <c r="BB11" s="219"/>
      <c r="BC11" s="220"/>
      <c r="BD11" s="272"/>
      <c r="BE11" s="273"/>
      <c r="BF11" s="273"/>
      <c r="BG11" s="274"/>
      <c r="BH11" s="281"/>
      <c r="BI11" s="282"/>
      <c r="BJ11" s="282"/>
      <c r="BK11" s="283"/>
      <c r="BL11" s="207" t="s">
        <v>64</v>
      </c>
      <c r="BM11" s="200"/>
      <c r="BN11" s="287"/>
      <c r="BO11" s="288" t="s">
        <v>66</v>
      </c>
      <c r="BP11" s="200"/>
      <c r="BQ11" s="200"/>
      <c r="BR11" s="289" t="s">
        <v>50</v>
      </c>
      <c r="BS11" s="290"/>
      <c r="BT11" s="290"/>
      <c r="BU11" s="290"/>
      <c r="BV11" s="290"/>
      <c r="BW11" s="291"/>
    </row>
    <row r="12" spans="1:75" ht="11.4" customHeight="1">
      <c r="A12" s="298">
        <v>1</v>
      </c>
      <c r="B12" s="299"/>
      <c r="C12" s="300"/>
      <c r="D12" s="301"/>
      <c r="E12" s="305"/>
      <c r="F12" s="306"/>
      <c r="G12" s="307"/>
      <c r="H12" s="101"/>
      <c r="I12" s="311" t="s">
        <v>61</v>
      </c>
      <c r="J12" s="311"/>
      <c r="K12" s="311"/>
      <c r="L12" s="311"/>
      <c r="M12" s="311"/>
      <c r="N12" s="311"/>
      <c r="O12" s="311"/>
      <c r="P12" s="311"/>
      <c r="Q12" s="311"/>
      <c r="R12" s="311"/>
      <c r="S12" s="311"/>
      <c r="T12" s="311"/>
      <c r="U12" s="102"/>
      <c r="V12" s="313"/>
      <c r="W12" s="314"/>
      <c r="X12" s="314" t="s">
        <v>32</v>
      </c>
      <c r="Y12" s="314"/>
      <c r="Z12" s="314"/>
      <c r="AA12" s="317"/>
      <c r="AB12" s="313"/>
      <c r="AC12" s="314"/>
      <c r="AD12" s="314" t="s">
        <v>32</v>
      </c>
      <c r="AE12" s="314"/>
      <c r="AF12" s="314"/>
      <c r="AG12" s="324"/>
      <c r="AH12" s="326"/>
      <c r="AI12" s="306"/>
      <c r="AJ12" s="327"/>
      <c r="AK12" s="330"/>
      <c r="AL12" s="306"/>
      <c r="AM12" s="327"/>
      <c r="AN12" s="330"/>
      <c r="AO12" s="306"/>
      <c r="AP12" s="327"/>
      <c r="AQ12" s="330"/>
      <c r="AR12" s="306"/>
      <c r="AS12" s="327"/>
      <c r="AT12" s="332"/>
      <c r="AU12" s="333"/>
      <c r="AV12" s="334"/>
      <c r="AW12" s="338"/>
      <c r="AX12" s="333"/>
      <c r="AY12" s="339"/>
      <c r="AZ12" s="342"/>
      <c r="BA12" s="333"/>
      <c r="BB12" s="333"/>
      <c r="BC12" s="334"/>
      <c r="BD12" s="23"/>
      <c r="BE12" s="24"/>
      <c r="BF12" s="24"/>
      <c r="BG12" s="25"/>
      <c r="BH12" s="23"/>
      <c r="BI12" s="24"/>
      <c r="BJ12" s="24"/>
      <c r="BK12" s="25"/>
      <c r="BL12" s="344" t="s">
        <v>67</v>
      </c>
      <c r="BM12" s="320"/>
      <c r="BN12" s="320"/>
      <c r="BO12" s="319" t="s">
        <v>77</v>
      </c>
      <c r="BP12" s="320"/>
      <c r="BQ12" s="320"/>
      <c r="BR12" s="123"/>
      <c r="BS12" s="119"/>
      <c r="BT12" s="26"/>
      <c r="BU12" s="26"/>
      <c r="BV12" s="26"/>
      <c r="BW12" s="27"/>
    </row>
    <row r="13" spans="1:75" ht="11.4" customHeight="1">
      <c r="A13" s="298"/>
      <c r="B13" s="302"/>
      <c r="C13" s="303"/>
      <c r="D13" s="304"/>
      <c r="E13" s="308"/>
      <c r="F13" s="309"/>
      <c r="G13" s="310"/>
      <c r="H13" s="103"/>
      <c r="I13" s="312"/>
      <c r="J13" s="312"/>
      <c r="K13" s="312"/>
      <c r="L13" s="312"/>
      <c r="M13" s="312"/>
      <c r="N13" s="312"/>
      <c r="O13" s="312"/>
      <c r="P13" s="312"/>
      <c r="Q13" s="312"/>
      <c r="R13" s="312"/>
      <c r="S13" s="312"/>
      <c r="T13" s="312"/>
      <c r="U13" s="104"/>
      <c r="V13" s="315"/>
      <c r="W13" s="316"/>
      <c r="X13" s="316"/>
      <c r="Y13" s="316"/>
      <c r="Z13" s="316"/>
      <c r="AA13" s="318"/>
      <c r="AB13" s="315"/>
      <c r="AC13" s="316"/>
      <c r="AD13" s="316"/>
      <c r="AE13" s="316"/>
      <c r="AF13" s="316"/>
      <c r="AG13" s="325"/>
      <c r="AH13" s="328"/>
      <c r="AI13" s="309"/>
      <c r="AJ13" s="329"/>
      <c r="AK13" s="331"/>
      <c r="AL13" s="309"/>
      <c r="AM13" s="329"/>
      <c r="AN13" s="331"/>
      <c r="AO13" s="309"/>
      <c r="AP13" s="329"/>
      <c r="AQ13" s="331"/>
      <c r="AR13" s="309"/>
      <c r="AS13" s="329"/>
      <c r="AT13" s="335"/>
      <c r="AU13" s="336"/>
      <c r="AV13" s="337"/>
      <c r="AW13" s="340"/>
      <c r="AX13" s="336"/>
      <c r="AY13" s="341"/>
      <c r="AZ13" s="343"/>
      <c r="BA13" s="336"/>
      <c r="BB13" s="336"/>
      <c r="BC13" s="337"/>
      <c r="BD13" s="28"/>
      <c r="BE13" s="29"/>
      <c r="BF13" s="29"/>
      <c r="BG13" s="30"/>
      <c r="BH13" s="28"/>
      <c r="BI13" s="29"/>
      <c r="BJ13" s="29"/>
      <c r="BK13" s="30"/>
      <c r="BL13" s="321" t="s">
        <v>78</v>
      </c>
      <c r="BM13" s="322"/>
      <c r="BN13" s="322"/>
      <c r="BO13" s="323" t="s">
        <v>65</v>
      </c>
      <c r="BP13" s="322"/>
      <c r="BQ13" s="322"/>
      <c r="BR13" s="124"/>
      <c r="BS13" s="120"/>
      <c r="BT13" s="31"/>
      <c r="BU13" s="31"/>
      <c r="BV13" s="31"/>
      <c r="BW13" s="32"/>
    </row>
    <row r="14" spans="1:75" ht="11.4" customHeight="1">
      <c r="A14" s="298">
        <v>2</v>
      </c>
      <c r="B14" s="299"/>
      <c r="C14" s="300"/>
      <c r="D14" s="301"/>
      <c r="E14" s="305"/>
      <c r="F14" s="306"/>
      <c r="G14" s="307"/>
      <c r="H14" s="101"/>
      <c r="I14" s="311" t="s">
        <v>61</v>
      </c>
      <c r="J14" s="311"/>
      <c r="K14" s="311"/>
      <c r="L14" s="311"/>
      <c r="M14" s="311"/>
      <c r="N14" s="311"/>
      <c r="O14" s="311"/>
      <c r="P14" s="311"/>
      <c r="Q14" s="311"/>
      <c r="R14" s="311"/>
      <c r="S14" s="311"/>
      <c r="T14" s="311"/>
      <c r="U14" s="102"/>
      <c r="V14" s="313"/>
      <c r="W14" s="314"/>
      <c r="X14" s="314" t="s">
        <v>32</v>
      </c>
      <c r="Y14" s="314"/>
      <c r="Z14" s="314"/>
      <c r="AA14" s="317"/>
      <c r="AB14" s="313"/>
      <c r="AC14" s="314"/>
      <c r="AD14" s="314" t="s">
        <v>32</v>
      </c>
      <c r="AE14" s="314"/>
      <c r="AF14" s="314"/>
      <c r="AG14" s="324"/>
      <c r="AH14" s="326"/>
      <c r="AI14" s="306"/>
      <c r="AJ14" s="327"/>
      <c r="AK14" s="330"/>
      <c r="AL14" s="306"/>
      <c r="AM14" s="327"/>
      <c r="AN14" s="330"/>
      <c r="AO14" s="306"/>
      <c r="AP14" s="327"/>
      <c r="AQ14" s="330"/>
      <c r="AR14" s="306"/>
      <c r="AS14" s="327"/>
      <c r="AT14" s="332"/>
      <c r="AU14" s="333"/>
      <c r="AV14" s="334"/>
      <c r="AW14" s="338"/>
      <c r="AX14" s="333"/>
      <c r="AY14" s="339"/>
      <c r="AZ14" s="342"/>
      <c r="BA14" s="333"/>
      <c r="BB14" s="333"/>
      <c r="BC14" s="334"/>
      <c r="BD14" s="23"/>
      <c r="BE14" s="24"/>
      <c r="BF14" s="24"/>
      <c r="BG14" s="25"/>
      <c r="BH14" s="23"/>
      <c r="BI14" s="24"/>
      <c r="BJ14" s="24"/>
      <c r="BK14" s="25"/>
      <c r="BL14" s="344" t="s">
        <v>67</v>
      </c>
      <c r="BM14" s="320"/>
      <c r="BN14" s="320"/>
      <c r="BO14" s="319" t="s">
        <v>77</v>
      </c>
      <c r="BP14" s="320"/>
      <c r="BQ14" s="320"/>
      <c r="BR14" s="123"/>
      <c r="BS14" s="119"/>
      <c r="BT14" s="24"/>
      <c r="BU14" s="24"/>
      <c r="BV14" s="24"/>
      <c r="BW14" s="25"/>
    </row>
    <row r="15" spans="1:75" ht="11.4" customHeight="1">
      <c r="A15" s="298"/>
      <c r="B15" s="302"/>
      <c r="C15" s="303"/>
      <c r="D15" s="304"/>
      <c r="E15" s="308"/>
      <c r="F15" s="309"/>
      <c r="G15" s="310"/>
      <c r="H15" s="103"/>
      <c r="I15" s="312"/>
      <c r="J15" s="312"/>
      <c r="K15" s="312"/>
      <c r="L15" s="312"/>
      <c r="M15" s="312"/>
      <c r="N15" s="312"/>
      <c r="O15" s="312"/>
      <c r="P15" s="312"/>
      <c r="Q15" s="312"/>
      <c r="R15" s="312"/>
      <c r="S15" s="312"/>
      <c r="T15" s="312"/>
      <c r="U15" s="104"/>
      <c r="V15" s="315"/>
      <c r="W15" s="316"/>
      <c r="X15" s="316"/>
      <c r="Y15" s="316"/>
      <c r="Z15" s="316"/>
      <c r="AA15" s="318"/>
      <c r="AB15" s="315"/>
      <c r="AC15" s="316"/>
      <c r="AD15" s="316"/>
      <c r="AE15" s="316"/>
      <c r="AF15" s="316"/>
      <c r="AG15" s="325"/>
      <c r="AH15" s="328"/>
      <c r="AI15" s="309"/>
      <c r="AJ15" s="329"/>
      <c r="AK15" s="331"/>
      <c r="AL15" s="309"/>
      <c r="AM15" s="329"/>
      <c r="AN15" s="331"/>
      <c r="AO15" s="309"/>
      <c r="AP15" s="329"/>
      <c r="AQ15" s="331"/>
      <c r="AR15" s="309"/>
      <c r="AS15" s="329"/>
      <c r="AT15" s="335"/>
      <c r="AU15" s="336"/>
      <c r="AV15" s="337"/>
      <c r="AW15" s="340"/>
      <c r="AX15" s="336"/>
      <c r="AY15" s="341"/>
      <c r="AZ15" s="343"/>
      <c r="BA15" s="336"/>
      <c r="BB15" s="336"/>
      <c r="BC15" s="337"/>
      <c r="BD15" s="28"/>
      <c r="BE15" s="29"/>
      <c r="BF15" s="29"/>
      <c r="BG15" s="30"/>
      <c r="BH15" s="28"/>
      <c r="BI15" s="29"/>
      <c r="BJ15" s="29"/>
      <c r="BK15" s="30"/>
      <c r="BL15" s="321" t="s">
        <v>78</v>
      </c>
      <c r="BM15" s="322"/>
      <c r="BN15" s="322"/>
      <c r="BO15" s="323" t="s">
        <v>65</v>
      </c>
      <c r="BP15" s="322"/>
      <c r="BQ15" s="322"/>
      <c r="BR15" s="124"/>
      <c r="BS15" s="120"/>
      <c r="BT15" s="29"/>
      <c r="BU15" s="29"/>
      <c r="BV15" s="29"/>
      <c r="BW15" s="30"/>
    </row>
    <row r="16" spans="1:75" ht="11.4" customHeight="1">
      <c r="A16" s="298">
        <v>3</v>
      </c>
      <c r="B16" s="299"/>
      <c r="C16" s="300"/>
      <c r="D16" s="301"/>
      <c r="E16" s="305"/>
      <c r="F16" s="306"/>
      <c r="G16" s="307"/>
      <c r="H16" s="101"/>
      <c r="I16" s="311" t="s">
        <v>61</v>
      </c>
      <c r="J16" s="311"/>
      <c r="K16" s="311"/>
      <c r="L16" s="311"/>
      <c r="M16" s="311"/>
      <c r="N16" s="311"/>
      <c r="O16" s="311"/>
      <c r="P16" s="311"/>
      <c r="Q16" s="311"/>
      <c r="R16" s="311"/>
      <c r="S16" s="311"/>
      <c r="T16" s="311"/>
      <c r="U16" s="102"/>
      <c r="V16" s="313"/>
      <c r="W16" s="314"/>
      <c r="X16" s="314" t="s">
        <v>32</v>
      </c>
      <c r="Y16" s="314"/>
      <c r="Z16" s="314"/>
      <c r="AA16" s="317"/>
      <c r="AB16" s="313"/>
      <c r="AC16" s="314"/>
      <c r="AD16" s="314" t="s">
        <v>32</v>
      </c>
      <c r="AE16" s="314"/>
      <c r="AF16" s="314"/>
      <c r="AG16" s="324"/>
      <c r="AH16" s="326"/>
      <c r="AI16" s="306"/>
      <c r="AJ16" s="327"/>
      <c r="AK16" s="330"/>
      <c r="AL16" s="306"/>
      <c r="AM16" s="327"/>
      <c r="AN16" s="330"/>
      <c r="AO16" s="306"/>
      <c r="AP16" s="327"/>
      <c r="AQ16" s="330"/>
      <c r="AR16" s="306"/>
      <c r="AS16" s="327"/>
      <c r="AT16" s="332"/>
      <c r="AU16" s="333"/>
      <c r="AV16" s="334"/>
      <c r="AW16" s="338"/>
      <c r="AX16" s="333"/>
      <c r="AY16" s="339"/>
      <c r="AZ16" s="342"/>
      <c r="BA16" s="333"/>
      <c r="BB16" s="333"/>
      <c r="BC16" s="334"/>
      <c r="BD16" s="23"/>
      <c r="BE16" s="24"/>
      <c r="BF16" s="24"/>
      <c r="BG16" s="25"/>
      <c r="BH16" s="23"/>
      <c r="BI16" s="24"/>
      <c r="BJ16" s="24"/>
      <c r="BK16" s="25"/>
      <c r="BL16" s="344" t="s">
        <v>67</v>
      </c>
      <c r="BM16" s="320"/>
      <c r="BN16" s="320"/>
      <c r="BO16" s="319" t="s">
        <v>77</v>
      </c>
      <c r="BP16" s="320"/>
      <c r="BQ16" s="320"/>
      <c r="BR16" s="123"/>
      <c r="BS16" s="119"/>
      <c r="BT16" s="24"/>
      <c r="BU16" s="24"/>
      <c r="BV16" s="24"/>
      <c r="BW16" s="25"/>
    </row>
    <row r="17" spans="1:75" ht="11.4" customHeight="1">
      <c r="A17" s="298"/>
      <c r="B17" s="302"/>
      <c r="C17" s="303"/>
      <c r="D17" s="304"/>
      <c r="E17" s="308"/>
      <c r="F17" s="309"/>
      <c r="G17" s="310"/>
      <c r="H17" s="103"/>
      <c r="I17" s="312"/>
      <c r="J17" s="312"/>
      <c r="K17" s="312"/>
      <c r="L17" s="312"/>
      <c r="M17" s="312"/>
      <c r="N17" s="312"/>
      <c r="O17" s="312"/>
      <c r="P17" s="312"/>
      <c r="Q17" s="312"/>
      <c r="R17" s="312"/>
      <c r="S17" s="312"/>
      <c r="T17" s="312"/>
      <c r="U17" s="104"/>
      <c r="V17" s="315"/>
      <c r="W17" s="316"/>
      <c r="X17" s="316"/>
      <c r="Y17" s="316"/>
      <c r="Z17" s="316"/>
      <c r="AA17" s="318"/>
      <c r="AB17" s="315"/>
      <c r="AC17" s="316"/>
      <c r="AD17" s="316"/>
      <c r="AE17" s="316"/>
      <c r="AF17" s="316"/>
      <c r="AG17" s="325"/>
      <c r="AH17" s="328"/>
      <c r="AI17" s="309"/>
      <c r="AJ17" s="329"/>
      <c r="AK17" s="331"/>
      <c r="AL17" s="309"/>
      <c r="AM17" s="329"/>
      <c r="AN17" s="331"/>
      <c r="AO17" s="309"/>
      <c r="AP17" s="329"/>
      <c r="AQ17" s="331"/>
      <c r="AR17" s="309"/>
      <c r="AS17" s="329"/>
      <c r="AT17" s="335"/>
      <c r="AU17" s="336"/>
      <c r="AV17" s="337"/>
      <c r="AW17" s="340"/>
      <c r="AX17" s="336"/>
      <c r="AY17" s="341"/>
      <c r="AZ17" s="343"/>
      <c r="BA17" s="336"/>
      <c r="BB17" s="336"/>
      <c r="BC17" s="337"/>
      <c r="BD17" s="28"/>
      <c r="BE17" s="29"/>
      <c r="BF17" s="29"/>
      <c r="BG17" s="30"/>
      <c r="BH17" s="28"/>
      <c r="BI17" s="29"/>
      <c r="BJ17" s="29"/>
      <c r="BK17" s="30"/>
      <c r="BL17" s="321" t="s">
        <v>78</v>
      </c>
      <c r="BM17" s="322"/>
      <c r="BN17" s="322"/>
      <c r="BO17" s="323" t="s">
        <v>65</v>
      </c>
      <c r="BP17" s="322"/>
      <c r="BQ17" s="322"/>
      <c r="BR17" s="124"/>
      <c r="BS17" s="120"/>
      <c r="BT17" s="29"/>
      <c r="BU17" s="29"/>
      <c r="BV17" s="29"/>
      <c r="BW17" s="30"/>
    </row>
    <row r="18" spans="1:75" ht="11.4" customHeight="1">
      <c r="A18" s="298">
        <v>4</v>
      </c>
      <c r="B18" s="299"/>
      <c r="C18" s="300"/>
      <c r="D18" s="301"/>
      <c r="E18" s="305"/>
      <c r="F18" s="306"/>
      <c r="G18" s="307"/>
      <c r="H18" s="101"/>
      <c r="I18" s="311" t="s">
        <v>61</v>
      </c>
      <c r="J18" s="311"/>
      <c r="K18" s="311"/>
      <c r="L18" s="311"/>
      <c r="M18" s="311"/>
      <c r="N18" s="311"/>
      <c r="O18" s="311"/>
      <c r="P18" s="311"/>
      <c r="Q18" s="311"/>
      <c r="R18" s="311"/>
      <c r="S18" s="311"/>
      <c r="T18" s="311"/>
      <c r="U18" s="102"/>
      <c r="V18" s="313"/>
      <c r="W18" s="314"/>
      <c r="X18" s="314" t="s">
        <v>32</v>
      </c>
      <c r="Y18" s="314"/>
      <c r="Z18" s="314"/>
      <c r="AA18" s="317"/>
      <c r="AB18" s="313"/>
      <c r="AC18" s="314"/>
      <c r="AD18" s="314" t="s">
        <v>32</v>
      </c>
      <c r="AE18" s="314"/>
      <c r="AF18" s="314"/>
      <c r="AG18" s="324"/>
      <c r="AH18" s="326"/>
      <c r="AI18" s="306"/>
      <c r="AJ18" s="327"/>
      <c r="AK18" s="330"/>
      <c r="AL18" s="306"/>
      <c r="AM18" s="327"/>
      <c r="AN18" s="330"/>
      <c r="AO18" s="306"/>
      <c r="AP18" s="327"/>
      <c r="AQ18" s="330"/>
      <c r="AR18" s="306"/>
      <c r="AS18" s="327"/>
      <c r="AT18" s="332"/>
      <c r="AU18" s="333"/>
      <c r="AV18" s="334"/>
      <c r="AW18" s="338"/>
      <c r="AX18" s="333"/>
      <c r="AY18" s="339"/>
      <c r="AZ18" s="342"/>
      <c r="BA18" s="333"/>
      <c r="BB18" s="333"/>
      <c r="BC18" s="334"/>
      <c r="BD18" s="23"/>
      <c r="BE18" s="24"/>
      <c r="BF18" s="24"/>
      <c r="BG18" s="25"/>
      <c r="BH18" s="23"/>
      <c r="BI18" s="24"/>
      <c r="BJ18" s="24"/>
      <c r="BK18" s="25"/>
      <c r="BL18" s="344" t="s">
        <v>67</v>
      </c>
      <c r="BM18" s="320"/>
      <c r="BN18" s="320"/>
      <c r="BO18" s="319" t="s">
        <v>77</v>
      </c>
      <c r="BP18" s="320"/>
      <c r="BQ18" s="320"/>
      <c r="BR18" s="123"/>
      <c r="BS18" s="119"/>
      <c r="BT18" s="24"/>
      <c r="BU18" s="24"/>
      <c r="BV18" s="24"/>
      <c r="BW18" s="25"/>
    </row>
    <row r="19" spans="1:75" ht="11.4" customHeight="1">
      <c r="A19" s="298"/>
      <c r="B19" s="302"/>
      <c r="C19" s="303"/>
      <c r="D19" s="304"/>
      <c r="E19" s="308"/>
      <c r="F19" s="309"/>
      <c r="G19" s="310"/>
      <c r="H19" s="103"/>
      <c r="I19" s="312"/>
      <c r="J19" s="312"/>
      <c r="K19" s="312"/>
      <c r="L19" s="312"/>
      <c r="M19" s="312"/>
      <c r="N19" s="312"/>
      <c r="O19" s="312"/>
      <c r="P19" s="312"/>
      <c r="Q19" s="312"/>
      <c r="R19" s="312"/>
      <c r="S19" s="312"/>
      <c r="T19" s="312"/>
      <c r="U19" s="104"/>
      <c r="V19" s="315"/>
      <c r="W19" s="316"/>
      <c r="X19" s="316"/>
      <c r="Y19" s="316"/>
      <c r="Z19" s="316"/>
      <c r="AA19" s="318"/>
      <c r="AB19" s="315"/>
      <c r="AC19" s="316"/>
      <c r="AD19" s="316"/>
      <c r="AE19" s="316"/>
      <c r="AF19" s="316"/>
      <c r="AG19" s="325"/>
      <c r="AH19" s="328"/>
      <c r="AI19" s="309"/>
      <c r="AJ19" s="329"/>
      <c r="AK19" s="331"/>
      <c r="AL19" s="309"/>
      <c r="AM19" s="329"/>
      <c r="AN19" s="331"/>
      <c r="AO19" s="309"/>
      <c r="AP19" s="329"/>
      <c r="AQ19" s="331"/>
      <c r="AR19" s="309"/>
      <c r="AS19" s="329"/>
      <c r="AT19" s="335"/>
      <c r="AU19" s="336"/>
      <c r="AV19" s="337"/>
      <c r="AW19" s="340"/>
      <c r="AX19" s="336"/>
      <c r="AY19" s="341"/>
      <c r="AZ19" s="343"/>
      <c r="BA19" s="336"/>
      <c r="BB19" s="336"/>
      <c r="BC19" s="337"/>
      <c r="BD19" s="28"/>
      <c r="BE19" s="29"/>
      <c r="BF19" s="29"/>
      <c r="BG19" s="30"/>
      <c r="BH19" s="28"/>
      <c r="BI19" s="29"/>
      <c r="BJ19" s="29"/>
      <c r="BK19" s="30"/>
      <c r="BL19" s="321" t="s">
        <v>78</v>
      </c>
      <c r="BM19" s="322"/>
      <c r="BN19" s="322"/>
      <c r="BO19" s="323" t="s">
        <v>65</v>
      </c>
      <c r="BP19" s="322"/>
      <c r="BQ19" s="322"/>
      <c r="BR19" s="124"/>
      <c r="BS19" s="120"/>
      <c r="BT19" s="29"/>
      <c r="BU19" s="29"/>
      <c r="BV19" s="29"/>
      <c r="BW19" s="30"/>
    </row>
    <row r="20" spans="1:75" ht="11.4" customHeight="1">
      <c r="A20" s="298">
        <v>5</v>
      </c>
      <c r="B20" s="299"/>
      <c r="C20" s="300"/>
      <c r="D20" s="301"/>
      <c r="E20" s="305"/>
      <c r="F20" s="306"/>
      <c r="G20" s="307"/>
      <c r="H20" s="101"/>
      <c r="I20" s="311" t="s">
        <v>61</v>
      </c>
      <c r="J20" s="311"/>
      <c r="K20" s="311"/>
      <c r="L20" s="311"/>
      <c r="M20" s="311"/>
      <c r="N20" s="311"/>
      <c r="O20" s="311"/>
      <c r="P20" s="311"/>
      <c r="Q20" s="311"/>
      <c r="R20" s="311"/>
      <c r="S20" s="311"/>
      <c r="T20" s="311"/>
      <c r="U20" s="102"/>
      <c r="V20" s="313"/>
      <c r="W20" s="314"/>
      <c r="X20" s="314" t="s">
        <v>32</v>
      </c>
      <c r="Y20" s="314"/>
      <c r="Z20" s="314"/>
      <c r="AA20" s="317"/>
      <c r="AB20" s="313"/>
      <c r="AC20" s="314"/>
      <c r="AD20" s="314" t="s">
        <v>32</v>
      </c>
      <c r="AE20" s="314"/>
      <c r="AF20" s="314"/>
      <c r="AG20" s="324"/>
      <c r="AH20" s="326"/>
      <c r="AI20" s="306"/>
      <c r="AJ20" s="327"/>
      <c r="AK20" s="330"/>
      <c r="AL20" s="306"/>
      <c r="AM20" s="327"/>
      <c r="AN20" s="330"/>
      <c r="AO20" s="306"/>
      <c r="AP20" s="327"/>
      <c r="AQ20" s="330"/>
      <c r="AR20" s="306"/>
      <c r="AS20" s="327"/>
      <c r="AT20" s="332"/>
      <c r="AU20" s="333"/>
      <c r="AV20" s="334"/>
      <c r="AW20" s="338"/>
      <c r="AX20" s="333"/>
      <c r="AY20" s="339"/>
      <c r="AZ20" s="342"/>
      <c r="BA20" s="333"/>
      <c r="BB20" s="333"/>
      <c r="BC20" s="334"/>
      <c r="BD20" s="23"/>
      <c r="BE20" s="24"/>
      <c r="BF20" s="24"/>
      <c r="BG20" s="25"/>
      <c r="BH20" s="23"/>
      <c r="BI20" s="24"/>
      <c r="BJ20" s="24"/>
      <c r="BK20" s="25"/>
      <c r="BL20" s="344" t="s">
        <v>67</v>
      </c>
      <c r="BM20" s="320"/>
      <c r="BN20" s="320"/>
      <c r="BO20" s="319" t="s">
        <v>77</v>
      </c>
      <c r="BP20" s="320"/>
      <c r="BQ20" s="320"/>
      <c r="BR20" s="123"/>
      <c r="BS20" s="119"/>
      <c r="BT20" s="24"/>
      <c r="BU20" s="24"/>
      <c r="BV20" s="24"/>
      <c r="BW20" s="25"/>
    </row>
    <row r="21" spans="1:75" ht="11.4" customHeight="1">
      <c r="A21" s="298"/>
      <c r="B21" s="302"/>
      <c r="C21" s="303"/>
      <c r="D21" s="304"/>
      <c r="E21" s="308"/>
      <c r="F21" s="309"/>
      <c r="G21" s="310"/>
      <c r="H21" s="103"/>
      <c r="I21" s="312"/>
      <c r="J21" s="312"/>
      <c r="K21" s="312"/>
      <c r="L21" s="312"/>
      <c r="M21" s="312"/>
      <c r="N21" s="312"/>
      <c r="O21" s="312"/>
      <c r="P21" s="312"/>
      <c r="Q21" s="312"/>
      <c r="R21" s="312"/>
      <c r="S21" s="312"/>
      <c r="T21" s="312"/>
      <c r="U21" s="104"/>
      <c r="V21" s="315"/>
      <c r="W21" s="316"/>
      <c r="X21" s="316"/>
      <c r="Y21" s="316"/>
      <c r="Z21" s="316"/>
      <c r="AA21" s="318"/>
      <c r="AB21" s="315"/>
      <c r="AC21" s="316"/>
      <c r="AD21" s="316"/>
      <c r="AE21" s="316"/>
      <c r="AF21" s="316"/>
      <c r="AG21" s="325"/>
      <c r="AH21" s="328"/>
      <c r="AI21" s="309"/>
      <c r="AJ21" s="329"/>
      <c r="AK21" s="331"/>
      <c r="AL21" s="309"/>
      <c r="AM21" s="329"/>
      <c r="AN21" s="331"/>
      <c r="AO21" s="309"/>
      <c r="AP21" s="329"/>
      <c r="AQ21" s="331"/>
      <c r="AR21" s="309"/>
      <c r="AS21" s="329"/>
      <c r="AT21" s="335"/>
      <c r="AU21" s="336"/>
      <c r="AV21" s="337"/>
      <c r="AW21" s="340"/>
      <c r="AX21" s="336"/>
      <c r="AY21" s="341"/>
      <c r="AZ21" s="343"/>
      <c r="BA21" s="336"/>
      <c r="BB21" s="336"/>
      <c r="BC21" s="337"/>
      <c r="BD21" s="28"/>
      <c r="BE21" s="29"/>
      <c r="BF21" s="29"/>
      <c r="BG21" s="30"/>
      <c r="BH21" s="28"/>
      <c r="BI21" s="29"/>
      <c r="BJ21" s="29"/>
      <c r="BK21" s="30"/>
      <c r="BL21" s="321" t="s">
        <v>78</v>
      </c>
      <c r="BM21" s="322"/>
      <c r="BN21" s="322"/>
      <c r="BO21" s="323" t="s">
        <v>65</v>
      </c>
      <c r="BP21" s="322"/>
      <c r="BQ21" s="322"/>
      <c r="BR21" s="124"/>
      <c r="BS21" s="120"/>
      <c r="BT21" s="29"/>
      <c r="BU21" s="29"/>
      <c r="BV21" s="29"/>
      <c r="BW21" s="30"/>
    </row>
    <row r="22" spans="1:75" ht="11.4" customHeight="1">
      <c r="A22" s="298">
        <v>6</v>
      </c>
      <c r="B22" s="299"/>
      <c r="C22" s="300"/>
      <c r="D22" s="301"/>
      <c r="E22" s="305"/>
      <c r="F22" s="306"/>
      <c r="G22" s="307"/>
      <c r="H22" s="101"/>
      <c r="I22" s="311" t="s">
        <v>61</v>
      </c>
      <c r="J22" s="311"/>
      <c r="K22" s="311"/>
      <c r="L22" s="311"/>
      <c r="M22" s="311"/>
      <c r="N22" s="311"/>
      <c r="O22" s="311"/>
      <c r="P22" s="311"/>
      <c r="Q22" s="311"/>
      <c r="R22" s="311"/>
      <c r="S22" s="311"/>
      <c r="T22" s="311"/>
      <c r="U22" s="102"/>
      <c r="V22" s="313"/>
      <c r="W22" s="314"/>
      <c r="X22" s="314" t="s">
        <v>32</v>
      </c>
      <c r="Y22" s="314"/>
      <c r="Z22" s="314"/>
      <c r="AA22" s="317"/>
      <c r="AB22" s="313"/>
      <c r="AC22" s="314"/>
      <c r="AD22" s="314" t="s">
        <v>32</v>
      </c>
      <c r="AE22" s="314"/>
      <c r="AF22" s="314"/>
      <c r="AG22" s="324"/>
      <c r="AH22" s="326"/>
      <c r="AI22" s="306"/>
      <c r="AJ22" s="327"/>
      <c r="AK22" s="330"/>
      <c r="AL22" s="306"/>
      <c r="AM22" s="327"/>
      <c r="AN22" s="330"/>
      <c r="AO22" s="306"/>
      <c r="AP22" s="327"/>
      <c r="AQ22" s="330"/>
      <c r="AR22" s="306"/>
      <c r="AS22" s="327"/>
      <c r="AT22" s="332"/>
      <c r="AU22" s="333"/>
      <c r="AV22" s="334"/>
      <c r="AW22" s="338"/>
      <c r="AX22" s="333"/>
      <c r="AY22" s="339"/>
      <c r="AZ22" s="342"/>
      <c r="BA22" s="333"/>
      <c r="BB22" s="333"/>
      <c r="BC22" s="334"/>
      <c r="BD22" s="23"/>
      <c r="BE22" s="24"/>
      <c r="BF22" s="24"/>
      <c r="BG22" s="25"/>
      <c r="BH22" s="23"/>
      <c r="BI22" s="24"/>
      <c r="BJ22" s="24"/>
      <c r="BK22" s="25"/>
      <c r="BL22" s="344" t="s">
        <v>67</v>
      </c>
      <c r="BM22" s="320"/>
      <c r="BN22" s="320"/>
      <c r="BO22" s="319" t="s">
        <v>77</v>
      </c>
      <c r="BP22" s="320"/>
      <c r="BQ22" s="320"/>
      <c r="BR22" s="123"/>
      <c r="BS22" s="119"/>
      <c r="BT22" s="24"/>
      <c r="BU22" s="24"/>
      <c r="BV22" s="24"/>
      <c r="BW22" s="25"/>
    </row>
    <row r="23" spans="1:75" ht="11.4" customHeight="1">
      <c r="A23" s="298"/>
      <c r="B23" s="302"/>
      <c r="C23" s="303"/>
      <c r="D23" s="304"/>
      <c r="E23" s="308"/>
      <c r="F23" s="309"/>
      <c r="G23" s="310"/>
      <c r="H23" s="103"/>
      <c r="I23" s="312"/>
      <c r="J23" s="312"/>
      <c r="K23" s="312"/>
      <c r="L23" s="312"/>
      <c r="M23" s="312"/>
      <c r="N23" s="312"/>
      <c r="O23" s="312"/>
      <c r="P23" s="312"/>
      <c r="Q23" s="312"/>
      <c r="R23" s="312"/>
      <c r="S23" s="312"/>
      <c r="T23" s="312"/>
      <c r="U23" s="104"/>
      <c r="V23" s="315"/>
      <c r="W23" s="316"/>
      <c r="X23" s="316"/>
      <c r="Y23" s="316"/>
      <c r="Z23" s="316"/>
      <c r="AA23" s="318"/>
      <c r="AB23" s="315"/>
      <c r="AC23" s="316"/>
      <c r="AD23" s="316"/>
      <c r="AE23" s="316"/>
      <c r="AF23" s="316"/>
      <c r="AG23" s="325"/>
      <c r="AH23" s="328"/>
      <c r="AI23" s="309"/>
      <c r="AJ23" s="329"/>
      <c r="AK23" s="331"/>
      <c r="AL23" s="309"/>
      <c r="AM23" s="329"/>
      <c r="AN23" s="331"/>
      <c r="AO23" s="309"/>
      <c r="AP23" s="329"/>
      <c r="AQ23" s="331"/>
      <c r="AR23" s="309"/>
      <c r="AS23" s="329"/>
      <c r="AT23" s="335"/>
      <c r="AU23" s="336"/>
      <c r="AV23" s="337"/>
      <c r="AW23" s="340"/>
      <c r="AX23" s="336"/>
      <c r="AY23" s="341"/>
      <c r="AZ23" s="343"/>
      <c r="BA23" s="336"/>
      <c r="BB23" s="336"/>
      <c r="BC23" s="337"/>
      <c r="BD23" s="28"/>
      <c r="BE23" s="29"/>
      <c r="BF23" s="29"/>
      <c r="BG23" s="30"/>
      <c r="BH23" s="28"/>
      <c r="BI23" s="29"/>
      <c r="BJ23" s="29"/>
      <c r="BK23" s="30"/>
      <c r="BL23" s="321" t="s">
        <v>78</v>
      </c>
      <c r="BM23" s="322"/>
      <c r="BN23" s="322"/>
      <c r="BO23" s="323" t="s">
        <v>65</v>
      </c>
      <c r="BP23" s="322"/>
      <c r="BQ23" s="322"/>
      <c r="BR23" s="124"/>
      <c r="BS23" s="120"/>
      <c r="BT23" s="29"/>
      <c r="BU23" s="29"/>
      <c r="BV23" s="29"/>
      <c r="BW23" s="30"/>
    </row>
    <row r="24" spans="1:75" ht="11.4" customHeight="1">
      <c r="A24" s="298">
        <v>7</v>
      </c>
      <c r="B24" s="299"/>
      <c r="C24" s="300"/>
      <c r="D24" s="301"/>
      <c r="E24" s="305"/>
      <c r="F24" s="306"/>
      <c r="G24" s="307"/>
      <c r="H24" s="101"/>
      <c r="I24" s="311" t="s">
        <v>61</v>
      </c>
      <c r="J24" s="311"/>
      <c r="K24" s="311"/>
      <c r="L24" s="311"/>
      <c r="M24" s="311"/>
      <c r="N24" s="311"/>
      <c r="O24" s="311"/>
      <c r="P24" s="311"/>
      <c r="Q24" s="311"/>
      <c r="R24" s="311"/>
      <c r="S24" s="311"/>
      <c r="T24" s="311"/>
      <c r="U24" s="102"/>
      <c r="V24" s="313"/>
      <c r="W24" s="314"/>
      <c r="X24" s="314" t="s">
        <v>32</v>
      </c>
      <c r="Y24" s="314"/>
      <c r="Z24" s="314"/>
      <c r="AA24" s="317"/>
      <c r="AB24" s="313"/>
      <c r="AC24" s="314"/>
      <c r="AD24" s="314" t="s">
        <v>32</v>
      </c>
      <c r="AE24" s="314"/>
      <c r="AF24" s="314"/>
      <c r="AG24" s="324"/>
      <c r="AH24" s="326"/>
      <c r="AI24" s="306"/>
      <c r="AJ24" s="327"/>
      <c r="AK24" s="330"/>
      <c r="AL24" s="306"/>
      <c r="AM24" s="327"/>
      <c r="AN24" s="330"/>
      <c r="AO24" s="306"/>
      <c r="AP24" s="327"/>
      <c r="AQ24" s="330"/>
      <c r="AR24" s="306"/>
      <c r="AS24" s="327"/>
      <c r="AT24" s="332"/>
      <c r="AU24" s="333"/>
      <c r="AV24" s="334"/>
      <c r="AW24" s="338"/>
      <c r="AX24" s="333"/>
      <c r="AY24" s="339"/>
      <c r="AZ24" s="342"/>
      <c r="BA24" s="333"/>
      <c r="BB24" s="333"/>
      <c r="BC24" s="334"/>
      <c r="BD24" s="23"/>
      <c r="BE24" s="24"/>
      <c r="BF24" s="24"/>
      <c r="BG24" s="25"/>
      <c r="BH24" s="23"/>
      <c r="BI24" s="24"/>
      <c r="BJ24" s="24"/>
      <c r="BK24" s="25"/>
      <c r="BL24" s="344" t="s">
        <v>67</v>
      </c>
      <c r="BM24" s="320"/>
      <c r="BN24" s="320"/>
      <c r="BO24" s="319" t="s">
        <v>77</v>
      </c>
      <c r="BP24" s="320"/>
      <c r="BQ24" s="320"/>
      <c r="BR24" s="123"/>
      <c r="BS24" s="119"/>
      <c r="BT24" s="24"/>
      <c r="BU24" s="24"/>
      <c r="BV24" s="24"/>
      <c r="BW24" s="25"/>
    </row>
    <row r="25" spans="1:75" ht="11.4" customHeight="1">
      <c r="A25" s="298"/>
      <c r="B25" s="302"/>
      <c r="C25" s="303"/>
      <c r="D25" s="304"/>
      <c r="E25" s="308"/>
      <c r="F25" s="309"/>
      <c r="G25" s="310"/>
      <c r="H25" s="103"/>
      <c r="I25" s="312"/>
      <c r="J25" s="312"/>
      <c r="K25" s="312"/>
      <c r="L25" s="312"/>
      <c r="M25" s="312"/>
      <c r="N25" s="312"/>
      <c r="O25" s="312"/>
      <c r="P25" s="312"/>
      <c r="Q25" s="312"/>
      <c r="R25" s="312"/>
      <c r="S25" s="312"/>
      <c r="T25" s="312"/>
      <c r="U25" s="104"/>
      <c r="V25" s="315"/>
      <c r="W25" s="316"/>
      <c r="X25" s="316"/>
      <c r="Y25" s="316"/>
      <c r="Z25" s="316"/>
      <c r="AA25" s="318"/>
      <c r="AB25" s="315"/>
      <c r="AC25" s="316"/>
      <c r="AD25" s="316"/>
      <c r="AE25" s="316"/>
      <c r="AF25" s="316"/>
      <c r="AG25" s="325"/>
      <c r="AH25" s="328"/>
      <c r="AI25" s="309"/>
      <c r="AJ25" s="329"/>
      <c r="AK25" s="331"/>
      <c r="AL25" s="309"/>
      <c r="AM25" s="329"/>
      <c r="AN25" s="331"/>
      <c r="AO25" s="309"/>
      <c r="AP25" s="329"/>
      <c r="AQ25" s="331"/>
      <c r="AR25" s="309"/>
      <c r="AS25" s="329"/>
      <c r="AT25" s="335"/>
      <c r="AU25" s="336"/>
      <c r="AV25" s="337"/>
      <c r="AW25" s="340"/>
      <c r="AX25" s="336"/>
      <c r="AY25" s="341"/>
      <c r="AZ25" s="343"/>
      <c r="BA25" s="336"/>
      <c r="BB25" s="336"/>
      <c r="BC25" s="337"/>
      <c r="BD25" s="28"/>
      <c r="BE25" s="29"/>
      <c r="BF25" s="29"/>
      <c r="BG25" s="30"/>
      <c r="BH25" s="28"/>
      <c r="BI25" s="29"/>
      <c r="BJ25" s="29"/>
      <c r="BK25" s="30"/>
      <c r="BL25" s="321" t="s">
        <v>78</v>
      </c>
      <c r="BM25" s="322"/>
      <c r="BN25" s="322"/>
      <c r="BO25" s="323" t="s">
        <v>65</v>
      </c>
      <c r="BP25" s="322"/>
      <c r="BQ25" s="322"/>
      <c r="BR25" s="124"/>
      <c r="BS25" s="120"/>
      <c r="BT25" s="29"/>
      <c r="BU25" s="29"/>
      <c r="BV25" s="29"/>
      <c r="BW25" s="30"/>
    </row>
    <row r="26" spans="1:75" ht="11.4" customHeight="1">
      <c r="A26" s="298">
        <v>8</v>
      </c>
      <c r="B26" s="299"/>
      <c r="C26" s="300"/>
      <c r="D26" s="301"/>
      <c r="E26" s="305"/>
      <c r="F26" s="306"/>
      <c r="G26" s="307"/>
      <c r="H26" s="101"/>
      <c r="I26" s="311" t="s">
        <v>61</v>
      </c>
      <c r="J26" s="311"/>
      <c r="K26" s="311"/>
      <c r="L26" s="311"/>
      <c r="M26" s="311"/>
      <c r="N26" s="311"/>
      <c r="O26" s="311"/>
      <c r="P26" s="311"/>
      <c r="Q26" s="311"/>
      <c r="R26" s="311"/>
      <c r="S26" s="311"/>
      <c r="T26" s="311"/>
      <c r="U26" s="102"/>
      <c r="V26" s="313"/>
      <c r="W26" s="314"/>
      <c r="X26" s="314" t="s">
        <v>32</v>
      </c>
      <c r="Y26" s="314"/>
      <c r="Z26" s="314"/>
      <c r="AA26" s="317"/>
      <c r="AB26" s="313"/>
      <c r="AC26" s="314"/>
      <c r="AD26" s="314" t="s">
        <v>32</v>
      </c>
      <c r="AE26" s="314"/>
      <c r="AF26" s="314"/>
      <c r="AG26" s="324"/>
      <c r="AH26" s="326"/>
      <c r="AI26" s="306"/>
      <c r="AJ26" s="327"/>
      <c r="AK26" s="330"/>
      <c r="AL26" s="306"/>
      <c r="AM26" s="327"/>
      <c r="AN26" s="330"/>
      <c r="AO26" s="306"/>
      <c r="AP26" s="327"/>
      <c r="AQ26" s="330"/>
      <c r="AR26" s="306"/>
      <c r="AS26" s="327"/>
      <c r="AT26" s="332"/>
      <c r="AU26" s="333"/>
      <c r="AV26" s="334"/>
      <c r="AW26" s="338"/>
      <c r="AX26" s="333"/>
      <c r="AY26" s="339"/>
      <c r="AZ26" s="342"/>
      <c r="BA26" s="333"/>
      <c r="BB26" s="333"/>
      <c r="BC26" s="334"/>
      <c r="BD26" s="23"/>
      <c r="BE26" s="24"/>
      <c r="BF26" s="24"/>
      <c r="BG26" s="25"/>
      <c r="BH26" s="23"/>
      <c r="BI26" s="24"/>
      <c r="BJ26" s="24"/>
      <c r="BK26" s="25"/>
      <c r="BL26" s="344" t="s">
        <v>67</v>
      </c>
      <c r="BM26" s="320"/>
      <c r="BN26" s="320"/>
      <c r="BO26" s="319" t="s">
        <v>77</v>
      </c>
      <c r="BP26" s="320"/>
      <c r="BQ26" s="320"/>
      <c r="BR26" s="123"/>
      <c r="BS26" s="119"/>
      <c r="BT26" s="24"/>
      <c r="BU26" s="24"/>
      <c r="BV26" s="24"/>
      <c r="BW26" s="25"/>
    </row>
    <row r="27" spans="1:75" ht="11.4" customHeight="1">
      <c r="A27" s="298"/>
      <c r="B27" s="302"/>
      <c r="C27" s="303"/>
      <c r="D27" s="304"/>
      <c r="E27" s="308"/>
      <c r="F27" s="309"/>
      <c r="G27" s="310"/>
      <c r="H27" s="103"/>
      <c r="I27" s="312"/>
      <c r="J27" s="312"/>
      <c r="K27" s="312"/>
      <c r="L27" s="312"/>
      <c r="M27" s="312"/>
      <c r="N27" s="312"/>
      <c r="O27" s="312"/>
      <c r="P27" s="312"/>
      <c r="Q27" s="312"/>
      <c r="R27" s="312"/>
      <c r="S27" s="312"/>
      <c r="T27" s="312"/>
      <c r="U27" s="104"/>
      <c r="V27" s="315"/>
      <c r="W27" s="316"/>
      <c r="X27" s="316"/>
      <c r="Y27" s="316"/>
      <c r="Z27" s="316"/>
      <c r="AA27" s="318"/>
      <c r="AB27" s="315"/>
      <c r="AC27" s="316"/>
      <c r="AD27" s="316"/>
      <c r="AE27" s="316"/>
      <c r="AF27" s="316"/>
      <c r="AG27" s="325"/>
      <c r="AH27" s="328"/>
      <c r="AI27" s="309"/>
      <c r="AJ27" s="329"/>
      <c r="AK27" s="331"/>
      <c r="AL27" s="309"/>
      <c r="AM27" s="329"/>
      <c r="AN27" s="331"/>
      <c r="AO27" s="309"/>
      <c r="AP27" s="329"/>
      <c r="AQ27" s="331"/>
      <c r="AR27" s="309"/>
      <c r="AS27" s="329"/>
      <c r="AT27" s="335"/>
      <c r="AU27" s="336"/>
      <c r="AV27" s="337"/>
      <c r="AW27" s="340"/>
      <c r="AX27" s="336"/>
      <c r="AY27" s="341"/>
      <c r="AZ27" s="343"/>
      <c r="BA27" s="336"/>
      <c r="BB27" s="336"/>
      <c r="BC27" s="337"/>
      <c r="BD27" s="28"/>
      <c r="BE27" s="29"/>
      <c r="BF27" s="29"/>
      <c r="BG27" s="30"/>
      <c r="BH27" s="28"/>
      <c r="BI27" s="29"/>
      <c r="BJ27" s="29"/>
      <c r="BK27" s="30"/>
      <c r="BL27" s="321" t="s">
        <v>78</v>
      </c>
      <c r="BM27" s="322"/>
      <c r="BN27" s="322"/>
      <c r="BO27" s="323" t="s">
        <v>65</v>
      </c>
      <c r="BP27" s="322"/>
      <c r="BQ27" s="322"/>
      <c r="BR27" s="124"/>
      <c r="BS27" s="120"/>
      <c r="BT27" s="29"/>
      <c r="BU27" s="29"/>
      <c r="BV27" s="29"/>
      <c r="BW27" s="30"/>
    </row>
    <row r="28" spans="1:75" ht="11.4" customHeight="1">
      <c r="A28" s="298">
        <v>9</v>
      </c>
      <c r="B28" s="299"/>
      <c r="C28" s="300"/>
      <c r="D28" s="301"/>
      <c r="E28" s="305"/>
      <c r="F28" s="306"/>
      <c r="G28" s="307"/>
      <c r="H28" s="101"/>
      <c r="I28" s="311" t="s">
        <v>61</v>
      </c>
      <c r="J28" s="311"/>
      <c r="K28" s="311"/>
      <c r="L28" s="311"/>
      <c r="M28" s="311"/>
      <c r="N28" s="311"/>
      <c r="O28" s="311"/>
      <c r="P28" s="311"/>
      <c r="Q28" s="311"/>
      <c r="R28" s="311"/>
      <c r="S28" s="311"/>
      <c r="T28" s="311"/>
      <c r="U28" s="102"/>
      <c r="V28" s="313"/>
      <c r="W28" s="314"/>
      <c r="X28" s="314" t="s">
        <v>32</v>
      </c>
      <c r="Y28" s="314"/>
      <c r="Z28" s="314"/>
      <c r="AA28" s="317"/>
      <c r="AB28" s="313"/>
      <c r="AC28" s="314"/>
      <c r="AD28" s="314" t="s">
        <v>32</v>
      </c>
      <c r="AE28" s="314"/>
      <c r="AF28" s="314"/>
      <c r="AG28" s="324"/>
      <c r="AH28" s="326"/>
      <c r="AI28" s="306"/>
      <c r="AJ28" s="327"/>
      <c r="AK28" s="330"/>
      <c r="AL28" s="306"/>
      <c r="AM28" s="327"/>
      <c r="AN28" s="330"/>
      <c r="AO28" s="306"/>
      <c r="AP28" s="327"/>
      <c r="AQ28" s="330"/>
      <c r="AR28" s="306"/>
      <c r="AS28" s="327"/>
      <c r="AT28" s="332"/>
      <c r="AU28" s="333"/>
      <c r="AV28" s="334"/>
      <c r="AW28" s="338"/>
      <c r="AX28" s="333"/>
      <c r="AY28" s="339"/>
      <c r="AZ28" s="342"/>
      <c r="BA28" s="333"/>
      <c r="BB28" s="333"/>
      <c r="BC28" s="334"/>
      <c r="BD28" s="23"/>
      <c r="BE28" s="24"/>
      <c r="BF28" s="24"/>
      <c r="BG28" s="25"/>
      <c r="BH28" s="23"/>
      <c r="BI28" s="24"/>
      <c r="BJ28" s="24"/>
      <c r="BK28" s="25"/>
      <c r="BL28" s="344" t="s">
        <v>67</v>
      </c>
      <c r="BM28" s="320"/>
      <c r="BN28" s="320"/>
      <c r="BO28" s="319" t="s">
        <v>77</v>
      </c>
      <c r="BP28" s="320"/>
      <c r="BQ28" s="320"/>
      <c r="BR28" s="123"/>
      <c r="BS28" s="119"/>
      <c r="BT28" s="24"/>
      <c r="BU28" s="24"/>
      <c r="BV28" s="24"/>
      <c r="BW28" s="25"/>
    </row>
    <row r="29" spans="1:75" ht="11.4" customHeight="1">
      <c r="A29" s="298"/>
      <c r="B29" s="302"/>
      <c r="C29" s="303"/>
      <c r="D29" s="304"/>
      <c r="E29" s="308"/>
      <c r="F29" s="309"/>
      <c r="G29" s="310"/>
      <c r="H29" s="103"/>
      <c r="I29" s="312"/>
      <c r="J29" s="312"/>
      <c r="K29" s="312"/>
      <c r="L29" s="312"/>
      <c r="M29" s="312"/>
      <c r="N29" s="312"/>
      <c r="O29" s="312"/>
      <c r="P29" s="312"/>
      <c r="Q29" s="312"/>
      <c r="R29" s="312"/>
      <c r="S29" s="312"/>
      <c r="T29" s="312"/>
      <c r="U29" s="104"/>
      <c r="V29" s="315"/>
      <c r="W29" s="316"/>
      <c r="X29" s="316"/>
      <c r="Y29" s="316"/>
      <c r="Z29" s="316"/>
      <c r="AA29" s="318"/>
      <c r="AB29" s="315"/>
      <c r="AC29" s="316"/>
      <c r="AD29" s="316"/>
      <c r="AE29" s="316"/>
      <c r="AF29" s="316"/>
      <c r="AG29" s="325"/>
      <c r="AH29" s="328"/>
      <c r="AI29" s="309"/>
      <c r="AJ29" s="329"/>
      <c r="AK29" s="331"/>
      <c r="AL29" s="309"/>
      <c r="AM29" s="329"/>
      <c r="AN29" s="331"/>
      <c r="AO29" s="309"/>
      <c r="AP29" s="329"/>
      <c r="AQ29" s="331"/>
      <c r="AR29" s="309"/>
      <c r="AS29" s="329"/>
      <c r="AT29" s="335"/>
      <c r="AU29" s="336"/>
      <c r="AV29" s="337"/>
      <c r="AW29" s="340"/>
      <c r="AX29" s="336"/>
      <c r="AY29" s="341"/>
      <c r="AZ29" s="343"/>
      <c r="BA29" s="336"/>
      <c r="BB29" s="336"/>
      <c r="BC29" s="337"/>
      <c r="BD29" s="28"/>
      <c r="BE29" s="29"/>
      <c r="BF29" s="29"/>
      <c r="BG29" s="30"/>
      <c r="BH29" s="28"/>
      <c r="BI29" s="29"/>
      <c r="BJ29" s="29"/>
      <c r="BK29" s="30"/>
      <c r="BL29" s="321" t="s">
        <v>78</v>
      </c>
      <c r="BM29" s="322"/>
      <c r="BN29" s="322"/>
      <c r="BO29" s="323" t="s">
        <v>65</v>
      </c>
      <c r="BP29" s="322"/>
      <c r="BQ29" s="322"/>
      <c r="BR29" s="124"/>
      <c r="BS29" s="120"/>
      <c r="BT29" s="29"/>
      <c r="BU29" s="29"/>
      <c r="BV29" s="29"/>
      <c r="BW29" s="30"/>
    </row>
    <row r="30" spans="1:75" ht="11.4" customHeight="1">
      <c r="A30" s="298">
        <v>10</v>
      </c>
      <c r="B30" s="299"/>
      <c r="C30" s="300"/>
      <c r="D30" s="301"/>
      <c r="E30" s="305"/>
      <c r="F30" s="306"/>
      <c r="G30" s="307"/>
      <c r="H30" s="101"/>
      <c r="I30" s="311" t="s">
        <v>61</v>
      </c>
      <c r="J30" s="311"/>
      <c r="K30" s="311"/>
      <c r="L30" s="311"/>
      <c r="M30" s="311"/>
      <c r="N30" s="311"/>
      <c r="O30" s="311"/>
      <c r="P30" s="311"/>
      <c r="Q30" s="311"/>
      <c r="R30" s="311"/>
      <c r="S30" s="311"/>
      <c r="T30" s="311"/>
      <c r="U30" s="102"/>
      <c r="V30" s="313"/>
      <c r="W30" s="314"/>
      <c r="X30" s="314" t="s">
        <v>32</v>
      </c>
      <c r="Y30" s="314"/>
      <c r="Z30" s="314"/>
      <c r="AA30" s="317"/>
      <c r="AB30" s="313"/>
      <c r="AC30" s="314"/>
      <c r="AD30" s="314" t="s">
        <v>32</v>
      </c>
      <c r="AE30" s="314"/>
      <c r="AF30" s="314"/>
      <c r="AG30" s="324"/>
      <c r="AH30" s="326"/>
      <c r="AI30" s="306"/>
      <c r="AJ30" s="327"/>
      <c r="AK30" s="330"/>
      <c r="AL30" s="306"/>
      <c r="AM30" s="327"/>
      <c r="AN30" s="330"/>
      <c r="AO30" s="306"/>
      <c r="AP30" s="327"/>
      <c r="AQ30" s="330"/>
      <c r="AR30" s="306"/>
      <c r="AS30" s="327"/>
      <c r="AT30" s="332"/>
      <c r="AU30" s="333"/>
      <c r="AV30" s="334"/>
      <c r="AW30" s="338"/>
      <c r="AX30" s="333"/>
      <c r="AY30" s="339"/>
      <c r="AZ30" s="342"/>
      <c r="BA30" s="333"/>
      <c r="BB30" s="333"/>
      <c r="BC30" s="334"/>
      <c r="BD30" s="23"/>
      <c r="BE30" s="24"/>
      <c r="BF30" s="24"/>
      <c r="BG30" s="25"/>
      <c r="BH30" s="23"/>
      <c r="BI30" s="24"/>
      <c r="BJ30" s="24"/>
      <c r="BK30" s="25"/>
      <c r="BL30" s="344" t="s">
        <v>67</v>
      </c>
      <c r="BM30" s="320"/>
      <c r="BN30" s="320"/>
      <c r="BO30" s="319" t="s">
        <v>77</v>
      </c>
      <c r="BP30" s="320"/>
      <c r="BQ30" s="320"/>
      <c r="BR30" s="123"/>
      <c r="BS30" s="119"/>
      <c r="BT30" s="24"/>
      <c r="BU30" s="24"/>
      <c r="BV30" s="24"/>
      <c r="BW30" s="25"/>
    </row>
    <row r="31" spans="1:75" ht="11.4" customHeight="1">
      <c r="A31" s="298"/>
      <c r="B31" s="302"/>
      <c r="C31" s="303"/>
      <c r="D31" s="304"/>
      <c r="E31" s="308"/>
      <c r="F31" s="309"/>
      <c r="G31" s="310"/>
      <c r="H31" s="103"/>
      <c r="I31" s="312"/>
      <c r="J31" s="312"/>
      <c r="K31" s="312"/>
      <c r="L31" s="312"/>
      <c r="M31" s="312"/>
      <c r="N31" s="312"/>
      <c r="O31" s="312"/>
      <c r="P31" s="312"/>
      <c r="Q31" s="312"/>
      <c r="R31" s="312"/>
      <c r="S31" s="312"/>
      <c r="T31" s="312"/>
      <c r="U31" s="104"/>
      <c r="V31" s="315"/>
      <c r="W31" s="316"/>
      <c r="X31" s="316"/>
      <c r="Y31" s="316"/>
      <c r="Z31" s="316"/>
      <c r="AA31" s="318"/>
      <c r="AB31" s="315"/>
      <c r="AC31" s="316"/>
      <c r="AD31" s="316"/>
      <c r="AE31" s="316"/>
      <c r="AF31" s="316"/>
      <c r="AG31" s="325"/>
      <c r="AH31" s="328"/>
      <c r="AI31" s="309"/>
      <c r="AJ31" s="329"/>
      <c r="AK31" s="331"/>
      <c r="AL31" s="309"/>
      <c r="AM31" s="329"/>
      <c r="AN31" s="331"/>
      <c r="AO31" s="309"/>
      <c r="AP31" s="329"/>
      <c r="AQ31" s="331"/>
      <c r="AR31" s="309"/>
      <c r="AS31" s="329"/>
      <c r="AT31" s="335"/>
      <c r="AU31" s="336"/>
      <c r="AV31" s="337"/>
      <c r="AW31" s="340"/>
      <c r="AX31" s="336"/>
      <c r="AY31" s="341"/>
      <c r="AZ31" s="343"/>
      <c r="BA31" s="336"/>
      <c r="BB31" s="336"/>
      <c r="BC31" s="337"/>
      <c r="BD31" s="28"/>
      <c r="BE31" s="29"/>
      <c r="BF31" s="29"/>
      <c r="BG31" s="30"/>
      <c r="BH31" s="28"/>
      <c r="BI31" s="29"/>
      <c r="BJ31" s="29"/>
      <c r="BK31" s="30"/>
      <c r="BL31" s="321" t="s">
        <v>78</v>
      </c>
      <c r="BM31" s="322"/>
      <c r="BN31" s="322"/>
      <c r="BO31" s="323" t="s">
        <v>65</v>
      </c>
      <c r="BP31" s="322"/>
      <c r="BQ31" s="322"/>
      <c r="BR31" s="124"/>
      <c r="BS31" s="120"/>
      <c r="BT31" s="29"/>
      <c r="BU31" s="29"/>
      <c r="BV31" s="29"/>
      <c r="BW31" s="30"/>
    </row>
    <row r="32" spans="1:75" ht="11.4" customHeight="1">
      <c r="A32" s="298">
        <v>11</v>
      </c>
      <c r="B32" s="299"/>
      <c r="C32" s="300"/>
      <c r="D32" s="301"/>
      <c r="E32" s="305"/>
      <c r="F32" s="306"/>
      <c r="G32" s="307"/>
      <c r="H32" s="101"/>
      <c r="I32" s="311" t="s">
        <v>61</v>
      </c>
      <c r="J32" s="311"/>
      <c r="K32" s="311"/>
      <c r="L32" s="311"/>
      <c r="M32" s="311"/>
      <c r="N32" s="311"/>
      <c r="O32" s="311"/>
      <c r="P32" s="311"/>
      <c r="Q32" s="311"/>
      <c r="R32" s="311"/>
      <c r="S32" s="311"/>
      <c r="T32" s="311"/>
      <c r="U32" s="102"/>
      <c r="V32" s="313"/>
      <c r="W32" s="314"/>
      <c r="X32" s="314" t="s">
        <v>32</v>
      </c>
      <c r="Y32" s="314"/>
      <c r="Z32" s="314"/>
      <c r="AA32" s="317"/>
      <c r="AB32" s="313"/>
      <c r="AC32" s="314"/>
      <c r="AD32" s="314" t="s">
        <v>32</v>
      </c>
      <c r="AE32" s="314"/>
      <c r="AF32" s="314"/>
      <c r="AG32" s="324"/>
      <c r="AH32" s="326"/>
      <c r="AI32" s="306"/>
      <c r="AJ32" s="327"/>
      <c r="AK32" s="330"/>
      <c r="AL32" s="306"/>
      <c r="AM32" s="327"/>
      <c r="AN32" s="330"/>
      <c r="AO32" s="306"/>
      <c r="AP32" s="327"/>
      <c r="AQ32" s="330"/>
      <c r="AR32" s="306"/>
      <c r="AS32" s="327"/>
      <c r="AT32" s="332"/>
      <c r="AU32" s="333"/>
      <c r="AV32" s="334"/>
      <c r="AW32" s="338"/>
      <c r="AX32" s="333"/>
      <c r="AY32" s="339"/>
      <c r="AZ32" s="342"/>
      <c r="BA32" s="333"/>
      <c r="BB32" s="333"/>
      <c r="BC32" s="334"/>
      <c r="BD32" s="23"/>
      <c r="BE32" s="24"/>
      <c r="BF32" s="24"/>
      <c r="BG32" s="25"/>
      <c r="BH32" s="23"/>
      <c r="BI32" s="24"/>
      <c r="BJ32" s="24"/>
      <c r="BK32" s="25"/>
      <c r="BL32" s="344" t="s">
        <v>67</v>
      </c>
      <c r="BM32" s="320"/>
      <c r="BN32" s="320"/>
      <c r="BO32" s="319" t="s">
        <v>77</v>
      </c>
      <c r="BP32" s="320"/>
      <c r="BQ32" s="320"/>
      <c r="BR32" s="123"/>
      <c r="BS32" s="119"/>
      <c r="BT32" s="24"/>
      <c r="BU32" s="24"/>
      <c r="BV32" s="24"/>
      <c r="BW32" s="25"/>
    </row>
    <row r="33" spans="1:75" ht="11.4" customHeight="1">
      <c r="A33" s="298"/>
      <c r="B33" s="302"/>
      <c r="C33" s="303"/>
      <c r="D33" s="304"/>
      <c r="E33" s="308"/>
      <c r="F33" s="309"/>
      <c r="G33" s="310"/>
      <c r="H33" s="103"/>
      <c r="I33" s="312"/>
      <c r="J33" s="312"/>
      <c r="K33" s="312"/>
      <c r="L33" s="312"/>
      <c r="M33" s="312"/>
      <c r="N33" s="312"/>
      <c r="O33" s="312"/>
      <c r="P33" s="312"/>
      <c r="Q33" s="312"/>
      <c r="R33" s="312"/>
      <c r="S33" s="312"/>
      <c r="T33" s="312"/>
      <c r="U33" s="104"/>
      <c r="V33" s="315"/>
      <c r="W33" s="316"/>
      <c r="X33" s="316"/>
      <c r="Y33" s="316"/>
      <c r="Z33" s="316"/>
      <c r="AA33" s="318"/>
      <c r="AB33" s="315"/>
      <c r="AC33" s="316"/>
      <c r="AD33" s="316"/>
      <c r="AE33" s="316"/>
      <c r="AF33" s="316"/>
      <c r="AG33" s="325"/>
      <c r="AH33" s="328"/>
      <c r="AI33" s="309"/>
      <c r="AJ33" s="329"/>
      <c r="AK33" s="331"/>
      <c r="AL33" s="309"/>
      <c r="AM33" s="329"/>
      <c r="AN33" s="331"/>
      <c r="AO33" s="309"/>
      <c r="AP33" s="329"/>
      <c r="AQ33" s="331"/>
      <c r="AR33" s="309"/>
      <c r="AS33" s="329"/>
      <c r="AT33" s="335"/>
      <c r="AU33" s="336"/>
      <c r="AV33" s="337"/>
      <c r="AW33" s="340"/>
      <c r="AX33" s="336"/>
      <c r="AY33" s="341"/>
      <c r="AZ33" s="343"/>
      <c r="BA33" s="336"/>
      <c r="BB33" s="336"/>
      <c r="BC33" s="337"/>
      <c r="BD33" s="28"/>
      <c r="BE33" s="29"/>
      <c r="BF33" s="29"/>
      <c r="BG33" s="30"/>
      <c r="BH33" s="28"/>
      <c r="BI33" s="29"/>
      <c r="BJ33" s="29"/>
      <c r="BK33" s="30"/>
      <c r="BL33" s="321" t="s">
        <v>78</v>
      </c>
      <c r="BM33" s="322"/>
      <c r="BN33" s="322"/>
      <c r="BO33" s="323" t="s">
        <v>65</v>
      </c>
      <c r="BP33" s="322"/>
      <c r="BQ33" s="322"/>
      <c r="BR33" s="124"/>
      <c r="BS33" s="120"/>
      <c r="BT33" s="29"/>
      <c r="BU33" s="29"/>
      <c r="BV33" s="29"/>
      <c r="BW33" s="30"/>
    </row>
    <row r="34" spans="1:75" ht="11.4" customHeight="1">
      <c r="A34" s="298">
        <v>12</v>
      </c>
      <c r="B34" s="299"/>
      <c r="C34" s="300"/>
      <c r="D34" s="301"/>
      <c r="E34" s="305"/>
      <c r="F34" s="306"/>
      <c r="G34" s="307"/>
      <c r="H34" s="101"/>
      <c r="I34" s="311" t="s">
        <v>61</v>
      </c>
      <c r="J34" s="311"/>
      <c r="K34" s="311"/>
      <c r="L34" s="311"/>
      <c r="M34" s="311"/>
      <c r="N34" s="311"/>
      <c r="O34" s="311"/>
      <c r="P34" s="311"/>
      <c r="Q34" s="311"/>
      <c r="R34" s="311"/>
      <c r="S34" s="311"/>
      <c r="T34" s="311"/>
      <c r="U34" s="102"/>
      <c r="V34" s="313"/>
      <c r="W34" s="314"/>
      <c r="X34" s="314" t="s">
        <v>32</v>
      </c>
      <c r="Y34" s="314"/>
      <c r="Z34" s="314"/>
      <c r="AA34" s="317"/>
      <c r="AB34" s="313"/>
      <c r="AC34" s="314"/>
      <c r="AD34" s="314" t="s">
        <v>32</v>
      </c>
      <c r="AE34" s="314"/>
      <c r="AF34" s="314"/>
      <c r="AG34" s="324"/>
      <c r="AH34" s="326"/>
      <c r="AI34" s="306"/>
      <c r="AJ34" s="327"/>
      <c r="AK34" s="330"/>
      <c r="AL34" s="306"/>
      <c r="AM34" s="327"/>
      <c r="AN34" s="330"/>
      <c r="AO34" s="306"/>
      <c r="AP34" s="327"/>
      <c r="AQ34" s="330"/>
      <c r="AR34" s="306"/>
      <c r="AS34" s="327"/>
      <c r="AT34" s="332"/>
      <c r="AU34" s="333"/>
      <c r="AV34" s="334"/>
      <c r="AW34" s="338"/>
      <c r="AX34" s="333"/>
      <c r="AY34" s="339"/>
      <c r="AZ34" s="342"/>
      <c r="BA34" s="333"/>
      <c r="BB34" s="333"/>
      <c r="BC34" s="334"/>
      <c r="BD34" s="23"/>
      <c r="BE34" s="24"/>
      <c r="BF34" s="24"/>
      <c r="BG34" s="25"/>
      <c r="BH34" s="23"/>
      <c r="BI34" s="24"/>
      <c r="BJ34" s="24"/>
      <c r="BK34" s="25"/>
      <c r="BL34" s="344" t="s">
        <v>67</v>
      </c>
      <c r="BM34" s="320"/>
      <c r="BN34" s="320"/>
      <c r="BO34" s="319" t="s">
        <v>77</v>
      </c>
      <c r="BP34" s="320"/>
      <c r="BQ34" s="320"/>
      <c r="BR34" s="123"/>
      <c r="BS34" s="119"/>
      <c r="BT34" s="24"/>
      <c r="BU34" s="24"/>
      <c r="BV34" s="24"/>
      <c r="BW34" s="25"/>
    </row>
    <row r="35" spans="1:75" ht="11.4" customHeight="1">
      <c r="A35" s="298"/>
      <c r="B35" s="302"/>
      <c r="C35" s="303"/>
      <c r="D35" s="304"/>
      <c r="E35" s="308"/>
      <c r="F35" s="309"/>
      <c r="G35" s="310"/>
      <c r="H35" s="103"/>
      <c r="I35" s="312"/>
      <c r="J35" s="312"/>
      <c r="K35" s="312"/>
      <c r="L35" s="312"/>
      <c r="M35" s="312"/>
      <c r="N35" s="312"/>
      <c r="O35" s="312"/>
      <c r="P35" s="312"/>
      <c r="Q35" s="312"/>
      <c r="R35" s="312"/>
      <c r="S35" s="312"/>
      <c r="T35" s="312"/>
      <c r="U35" s="104"/>
      <c r="V35" s="315"/>
      <c r="W35" s="316"/>
      <c r="X35" s="316"/>
      <c r="Y35" s="316"/>
      <c r="Z35" s="316"/>
      <c r="AA35" s="318"/>
      <c r="AB35" s="315"/>
      <c r="AC35" s="316"/>
      <c r="AD35" s="316"/>
      <c r="AE35" s="316"/>
      <c r="AF35" s="316"/>
      <c r="AG35" s="325"/>
      <c r="AH35" s="328"/>
      <c r="AI35" s="309"/>
      <c r="AJ35" s="329"/>
      <c r="AK35" s="331"/>
      <c r="AL35" s="309"/>
      <c r="AM35" s="329"/>
      <c r="AN35" s="331"/>
      <c r="AO35" s="309"/>
      <c r="AP35" s="329"/>
      <c r="AQ35" s="331"/>
      <c r="AR35" s="309"/>
      <c r="AS35" s="329"/>
      <c r="AT35" s="335"/>
      <c r="AU35" s="336"/>
      <c r="AV35" s="337"/>
      <c r="AW35" s="340"/>
      <c r="AX35" s="336"/>
      <c r="AY35" s="341"/>
      <c r="AZ35" s="343"/>
      <c r="BA35" s="336"/>
      <c r="BB35" s="336"/>
      <c r="BC35" s="337"/>
      <c r="BD35" s="28"/>
      <c r="BE35" s="29"/>
      <c r="BF35" s="29"/>
      <c r="BG35" s="30"/>
      <c r="BH35" s="28"/>
      <c r="BI35" s="29"/>
      <c r="BJ35" s="29"/>
      <c r="BK35" s="30"/>
      <c r="BL35" s="321" t="s">
        <v>78</v>
      </c>
      <c r="BM35" s="322"/>
      <c r="BN35" s="322"/>
      <c r="BO35" s="323" t="s">
        <v>65</v>
      </c>
      <c r="BP35" s="322"/>
      <c r="BQ35" s="322"/>
      <c r="BR35" s="124"/>
      <c r="BS35" s="120"/>
      <c r="BT35" s="29"/>
      <c r="BU35" s="29"/>
      <c r="BV35" s="29"/>
      <c r="BW35" s="30"/>
    </row>
    <row r="36" spans="1:75" ht="11.4" customHeight="1">
      <c r="A36" s="298">
        <v>13</v>
      </c>
      <c r="B36" s="299"/>
      <c r="C36" s="300"/>
      <c r="D36" s="301"/>
      <c r="E36" s="305"/>
      <c r="F36" s="306"/>
      <c r="G36" s="307"/>
      <c r="H36" s="101"/>
      <c r="I36" s="311" t="s">
        <v>61</v>
      </c>
      <c r="J36" s="311"/>
      <c r="K36" s="311"/>
      <c r="L36" s="311"/>
      <c r="M36" s="311"/>
      <c r="N36" s="311"/>
      <c r="O36" s="311"/>
      <c r="P36" s="311"/>
      <c r="Q36" s="311"/>
      <c r="R36" s="311"/>
      <c r="S36" s="311"/>
      <c r="T36" s="311"/>
      <c r="U36" s="102"/>
      <c r="V36" s="313"/>
      <c r="W36" s="314"/>
      <c r="X36" s="314" t="s">
        <v>32</v>
      </c>
      <c r="Y36" s="314"/>
      <c r="Z36" s="314"/>
      <c r="AA36" s="317"/>
      <c r="AB36" s="313"/>
      <c r="AC36" s="314"/>
      <c r="AD36" s="314" t="s">
        <v>32</v>
      </c>
      <c r="AE36" s="314"/>
      <c r="AF36" s="314"/>
      <c r="AG36" s="324"/>
      <c r="AH36" s="326"/>
      <c r="AI36" s="306"/>
      <c r="AJ36" s="327"/>
      <c r="AK36" s="330"/>
      <c r="AL36" s="306"/>
      <c r="AM36" s="327"/>
      <c r="AN36" s="330"/>
      <c r="AO36" s="306"/>
      <c r="AP36" s="327"/>
      <c r="AQ36" s="330"/>
      <c r="AR36" s="306"/>
      <c r="AS36" s="327"/>
      <c r="AT36" s="332"/>
      <c r="AU36" s="333"/>
      <c r="AV36" s="334"/>
      <c r="AW36" s="338"/>
      <c r="AX36" s="333"/>
      <c r="AY36" s="339"/>
      <c r="AZ36" s="342"/>
      <c r="BA36" s="333"/>
      <c r="BB36" s="333"/>
      <c r="BC36" s="334"/>
      <c r="BD36" s="23"/>
      <c r="BE36" s="24"/>
      <c r="BF36" s="24"/>
      <c r="BG36" s="25"/>
      <c r="BH36" s="23"/>
      <c r="BI36" s="24"/>
      <c r="BJ36" s="24"/>
      <c r="BK36" s="25"/>
      <c r="BL36" s="344" t="s">
        <v>67</v>
      </c>
      <c r="BM36" s="320"/>
      <c r="BN36" s="320"/>
      <c r="BO36" s="319" t="s">
        <v>77</v>
      </c>
      <c r="BP36" s="320"/>
      <c r="BQ36" s="320"/>
      <c r="BR36" s="123"/>
      <c r="BS36" s="119"/>
      <c r="BT36" s="24"/>
      <c r="BU36" s="24"/>
      <c r="BV36" s="24"/>
      <c r="BW36" s="25"/>
    </row>
    <row r="37" spans="1:75" ht="11.4" customHeight="1">
      <c r="A37" s="298"/>
      <c r="B37" s="302"/>
      <c r="C37" s="303"/>
      <c r="D37" s="304"/>
      <c r="E37" s="308"/>
      <c r="F37" s="309"/>
      <c r="G37" s="310"/>
      <c r="H37" s="103"/>
      <c r="I37" s="312"/>
      <c r="J37" s="312"/>
      <c r="K37" s="312"/>
      <c r="L37" s="312"/>
      <c r="M37" s="312"/>
      <c r="N37" s="312"/>
      <c r="O37" s="312"/>
      <c r="P37" s="312"/>
      <c r="Q37" s="312"/>
      <c r="R37" s="312"/>
      <c r="S37" s="312"/>
      <c r="T37" s="312"/>
      <c r="U37" s="104"/>
      <c r="V37" s="315"/>
      <c r="W37" s="316"/>
      <c r="X37" s="316"/>
      <c r="Y37" s="316"/>
      <c r="Z37" s="316"/>
      <c r="AA37" s="318"/>
      <c r="AB37" s="315"/>
      <c r="AC37" s="316"/>
      <c r="AD37" s="316"/>
      <c r="AE37" s="316"/>
      <c r="AF37" s="316"/>
      <c r="AG37" s="325"/>
      <c r="AH37" s="328"/>
      <c r="AI37" s="309"/>
      <c r="AJ37" s="329"/>
      <c r="AK37" s="331"/>
      <c r="AL37" s="309"/>
      <c r="AM37" s="329"/>
      <c r="AN37" s="331"/>
      <c r="AO37" s="309"/>
      <c r="AP37" s="329"/>
      <c r="AQ37" s="331"/>
      <c r="AR37" s="309"/>
      <c r="AS37" s="329"/>
      <c r="AT37" s="335"/>
      <c r="AU37" s="336"/>
      <c r="AV37" s="337"/>
      <c r="AW37" s="340"/>
      <c r="AX37" s="336"/>
      <c r="AY37" s="341"/>
      <c r="AZ37" s="343"/>
      <c r="BA37" s="336"/>
      <c r="BB37" s="336"/>
      <c r="BC37" s="337"/>
      <c r="BD37" s="28"/>
      <c r="BE37" s="29"/>
      <c r="BF37" s="29"/>
      <c r="BG37" s="30"/>
      <c r="BH37" s="28"/>
      <c r="BI37" s="29"/>
      <c r="BJ37" s="29"/>
      <c r="BK37" s="30"/>
      <c r="BL37" s="321" t="s">
        <v>78</v>
      </c>
      <c r="BM37" s="322"/>
      <c r="BN37" s="322"/>
      <c r="BO37" s="323" t="s">
        <v>65</v>
      </c>
      <c r="BP37" s="322"/>
      <c r="BQ37" s="322"/>
      <c r="BR37" s="124"/>
      <c r="BS37" s="120"/>
      <c r="BT37" s="29"/>
      <c r="BU37" s="29"/>
      <c r="BV37" s="29"/>
      <c r="BW37" s="30"/>
    </row>
    <row r="38" spans="1:75" ht="11.4" customHeight="1">
      <c r="A38" s="298">
        <v>14</v>
      </c>
      <c r="B38" s="299"/>
      <c r="C38" s="300"/>
      <c r="D38" s="301"/>
      <c r="E38" s="305"/>
      <c r="F38" s="306"/>
      <c r="G38" s="307"/>
      <c r="H38" s="101"/>
      <c r="I38" s="311" t="s">
        <v>61</v>
      </c>
      <c r="J38" s="311"/>
      <c r="K38" s="311"/>
      <c r="L38" s="311"/>
      <c r="M38" s="311"/>
      <c r="N38" s="311"/>
      <c r="O38" s="311"/>
      <c r="P38" s="311"/>
      <c r="Q38" s="311"/>
      <c r="R38" s="311"/>
      <c r="S38" s="311"/>
      <c r="T38" s="311"/>
      <c r="U38" s="102"/>
      <c r="V38" s="313"/>
      <c r="W38" s="314"/>
      <c r="X38" s="314" t="s">
        <v>32</v>
      </c>
      <c r="Y38" s="314"/>
      <c r="Z38" s="314"/>
      <c r="AA38" s="317"/>
      <c r="AB38" s="313"/>
      <c r="AC38" s="314"/>
      <c r="AD38" s="314" t="s">
        <v>32</v>
      </c>
      <c r="AE38" s="314"/>
      <c r="AF38" s="314"/>
      <c r="AG38" s="324"/>
      <c r="AH38" s="326"/>
      <c r="AI38" s="306"/>
      <c r="AJ38" s="327"/>
      <c r="AK38" s="330"/>
      <c r="AL38" s="306"/>
      <c r="AM38" s="327"/>
      <c r="AN38" s="330"/>
      <c r="AO38" s="306"/>
      <c r="AP38" s="327"/>
      <c r="AQ38" s="330"/>
      <c r="AR38" s="306"/>
      <c r="AS38" s="327"/>
      <c r="AT38" s="332"/>
      <c r="AU38" s="333"/>
      <c r="AV38" s="334"/>
      <c r="AW38" s="338"/>
      <c r="AX38" s="333"/>
      <c r="AY38" s="339"/>
      <c r="AZ38" s="342"/>
      <c r="BA38" s="333"/>
      <c r="BB38" s="333"/>
      <c r="BC38" s="334"/>
      <c r="BD38" s="23"/>
      <c r="BE38" s="24"/>
      <c r="BF38" s="24"/>
      <c r="BG38" s="25"/>
      <c r="BH38" s="23"/>
      <c r="BI38" s="24"/>
      <c r="BJ38" s="24"/>
      <c r="BK38" s="25"/>
      <c r="BL38" s="344" t="s">
        <v>67</v>
      </c>
      <c r="BM38" s="320"/>
      <c r="BN38" s="320"/>
      <c r="BO38" s="319" t="s">
        <v>77</v>
      </c>
      <c r="BP38" s="320"/>
      <c r="BQ38" s="320"/>
      <c r="BR38" s="123"/>
      <c r="BS38" s="119"/>
      <c r="BT38" s="24"/>
      <c r="BU38" s="24"/>
      <c r="BV38" s="24"/>
      <c r="BW38" s="25"/>
    </row>
    <row r="39" spans="1:75" ht="11.4" customHeight="1">
      <c r="A39" s="298"/>
      <c r="B39" s="302"/>
      <c r="C39" s="303"/>
      <c r="D39" s="304"/>
      <c r="E39" s="308"/>
      <c r="F39" s="309"/>
      <c r="G39" s="310"/>
      <c r="H39" s="103"/>
      <c r="I39" s="312"/>
      <c r="J39" s="312"/>
      <c r="K39" s="312"/>
      <c r="L39" s="312"/>
      <c r="M39" s="312"/>
      <c r="N39" s="312"/>
      <c r="O39" s="312"/>
      <c r="P39" s="312"/>
      <c r="Q39" s="312"/>
      <c r="R39" s="312"/>
      <c r="S39" s="312"/>
      <c r="T39" s="312"/>
      <c r="U39" s="104"/>
      <c r="V39" s="315"/>
      <c r="W39" s="316"/>
      <c r="X39" s="316"/>
      <c r="Y39" s="316"/>
      <c r="Z39" s="316"/>
      <c r="AA39" s="318"/>
      <c r="AB39" s="315"/>
      <c r="AC39" s="316"/>
      <c r="AD39" s="316"/>
      <c r="AE39" s="316"/>
      <c r="AF39" s="316"/>
      <c r="AG39" s="325"/>
      <c r="AH39" s="328"/>
      <c r="AI39" s="309"/>
      <c r="AJ39" s="329"/>
      <c r="AK39" s="331"/>
      <c r="AL39" s="309"/>
      <c r="AM39" s="329"/>
      <c r="AN39" s="331"/>
      <c r="AO39" s="309"/>
      <c r="AP39" s="329"/>
      <c r="AQ39" s="331"/>
      <c r="AR39" s="309"/>
      <c r="AS39" s="329"/>
      <c r="AT39" s="335"/>
      <c r="AU39" s="336"/>
      <c r="AV39" s="337"/>
      <c r="AW39" s="340"/>
      <c r="AX39" s="336"/>
      <c r="AY39" s="341"/>
      <c r="AZ39" s="343"/>
      <c r="BA39" s="336"/>
      <c r="BB39" s="336"/>
      <c r="BC39" s="337"/>
      <c r="BD39" s="28"/>
      <c r="BE39" s="29"/>
      <c r="BF39" s="29"/>
      <c r="BG39" s="30"/>
      <c r="BH39" s="28"/>
      <c r="BI39" s="29"/>
      <c r="BJ39" s="29"/>
      <c r="BK39" s="30"/>
      <c r="BL39" s="321" t="s">
        <v>78</v>
      </c>
      <c r="BM39" s="322"/>
      <c r="BN39" s="322"/>
      <c r="BO39" s="323" t="s">
        <v>65</v>
      </c>
      <c r="BP39" s="322"/>
      <c r="BQ39" s="322"/>
      <c r="BR39" s="124"/>
      <c r="BS39" s="120"/>
      <c r="BT39" s="29"/>
      <c r="BU39" s="29"/>
      <c r="BV39" s="29"/>
      <c r="BW39" s="30"/>
    </row>
    <row r="40" spans="1:75" ht="11.4" customHeight="1">
      <c r="A40" s="298">
        <v>15</v>
      </c>
      <c r="B40" s="299"/>
      <c r="C40" s="300"/>
      <c r="D40" s="301"/>
      <c r="E40" s="305"/>
      <c r="F40" s="306"/>
      <c r="G40" s="307"/>
      <c r="H40" s="101"/>
      <c r="I40" s="311" t="s">
        <v>61</v>
      </c>
      <c r="J40" s="311"/>
      <c r="K40" s="311"/>
      <c r="L40" s="311"/>
      <c r="M40" s="311"/>
      <c r="N40" s="311"/>
      <c r="O40" s="311"/>
      <c r="P40" s="311"/>
      <c r="Q40" s="311"/>
      <c r="R40" s="311"/>
      <c r="S40" s="311"/>
      <c r="T40" s="311"/>
      <c r="U40" s="102"/>
      <c r="V40" s="313"/>
      <c r="W40" s="314"/>
      <c r="X40" s="314" t="s">
        <v>32</v>
      </c>
      <c r="Y40" s="314"/>
      <c r="Z40" s="314"/>
      <c r="AA40" s="317"/>
      <c r="AB40" s="313"/>
      <c r="AC40" s="314"/>
      <c r="AD40" s="314" t="s">
        <v>32</v>
      </c>
      <c r="AE40" s="314"/>
      <c r="AF40" s="314"/>
      <c r="AG40" s="324"/>
      <c r="AH40" s="326"/>
      <c r="AI40" s="306"/>
      <c r="AJ40" s="327"/>
      <c r="AK40" s="330"/>
      <c r="AL40" s="306"/>
      <c r="AM40" s="327"/>
      <c r="AN40" s="330"/>
      <c r="AO40" s="306"/>
      <c r="AP40" s="327"/>
      <c r="AQ40" s="330"/>
      <c r="AR40" s="306"/>
      <c r="AS40" s="327"/>
      <c r="AT40" s="332"/>
      <c r="AU40" s="333"/>
      <c r="AV40" s="334"/>
      <c r="AW40" s="338"/>
      <c r="AX40" s="333"/>
      <c r="AY40" s="339"/>
      <c r="AZ40" s="342"/>
      <c r="BA40" s="333"/>
      <c r="BB40" s="333"/>
      <c r="BC40" s="334"/>
      <c r="BD40" s="23"/>
      <c r="BE40" s="24"/>
      <c r="BF40" s="24"/>
      <c r="BG40" s="25"/>
      <c r="BH40" s="23"/>
      <c r="BI40" s="24"/>
      <c r="BJ40" s="24"/>
      <c r="BK40" s="25"/>
      <c r="BL40" s="344" t="s">
        <v>67</v>
      </c>
      <c r="BM40" s="320"/>
      <c r="BN40" s="320"/>
      <c r="BO40" s="319" t="s">
        <v>77</v>
      </c>
      <c r="BP40" s="320"/>
      <c r="BQ40" s="320"/>
      <c r="BR40" s="123"/>
      <c r="BS40" s="119"/>
      <c r="BT40" s="24"/>
      <c r="BU40" s="24"/>
      <c r="BV40" s="24"/>
      <c r="BW40" s="25"/>
    </row>
    <row r="41" spans="1:75" ht="11.4" customHeight="1">
      <c r="A41" s="298"/>
      <c r="B41" s="302"/>
      <c r="C41" s="303"/>
      <c r="D41" s="304"/>
      <c r="E41" s="308"/>
      <c r="F41" s="309"/>
      <c r="G41" s="310"/>
      <c r="H41" s="103"/>
      <c r="I41" s="312"/>
      <c r="J41" s="312"/>
      <c r="K41" s="312"/>
      <c r="L41" s="312"/>
      <c r="M41" s="312"/>
      <c r="N41" s="312"/>
      <c r="O41" s="312"/>
      <c r="P41" s="312"/>
      <c r="Q41" s="312"/>
      <c r="R41" s="312"/>
      <c r="S41" s="312"/>
      <c r="T41" s="312"/>
      <c r="U41" s="104"/>
      <c r="V41" s="315"/>
      <c r="W41" s="316"/>
      <c r="X41" s="316"/>
      <c r="Y41" s="316"/>
      <c r="Z41" s="316"/>
      <c r="AA41" s="318"/>
      <c r="AB41" s="315"/>
      <c r="AC41" s="316"/>
      <c r="AD41" s="316"/>
      <c r="AE41" s="316"/>
      <c r="AF41" s="316"/>
      <c r="AG41" s="325"/>
      <c r="AH41" s="328"/>
      <c r="AI41" s="309"/>
      <c r="AJ41" s="329"/>
      <c r="AK41" s="331"/>
      <c r="AL41" s="309"/>
      <c r="AM41" s="329"/>
      <c r="AN41" s="331"/>
      <c r="AO41" s="309"/>
      <c r="AP41" s="329"/>
      <c r="AQ41" s="331"/>
      <c r="AR41" s="309"/>
      <c r="AS41" s="329"/>
      <c r="AT41" s="335"/>
      <c r="AU41" s="336"/>
      <c r="AV41" s="337"/>
      <c r="AW41" s="340"/>
      <c r="AX41" s="336"/>
      <c r="AY41" s="341"/>
      <c r="AZ41" s="343"/>
      <c r="BA41" s="336"/>
      <c r="BB41" s="336"/>
      <c r="BC41" s="337"/>
      <c r="BD41" s="28"/>
      <c r="BE41" s="29"/>
      <c r="BF41" s="29"/>
      <c r="BG41" s="30"/>
      <c r="BH41" s="28"/>
      <c r="BI41" s="29"/>
      <c r="BJ41" s="29"/>
      <c r="BK41" s="30"/>
      <c r="BL41" s="321" t="s">
        <v>78</v>
      </c>
      <c r="BM41" s="322"/>
      <c r="BN41" s="322"/>
      <c r="BO41" s="323" t="s">
        <v>65</v>
      </c>
      <c r="BP41" s="322"/>
      <c r="BQ41" s="322"/>
      <c r="BR41" s="124"/>
      <c r="BS41" s="120"/>
      <c r="BT41" s="29"/>
      <c r="BU41" s="29"/>
      <c r="BV41" s="29"/>
      <c r="BW41" s="30"/>
    </row>
    <row r="42" spans="1:75" ht="11.4" customHeight="1">
      <c r="A42" s="298">
        <v>16</v>
      </c>
      <c r="B42" s="299"/>
      <c r="C42" s="300"/>
      <c r="D42" s="301"/>
      <c r="E42" s="305"/>
      <c r="F42" s="306"/>
      <c r="G42" s="307"/>
      <c r="H42" s="101"/>
      <c r="I42" s="311" t="s">
        <v>61</v>
      </c>
      <c r="J42" s="311"/>
      <c r="K42" s="311"/>
      <c r="L42" s="311"/>
      <c r="M42" s="311"/>
      <c r="N42" s="311"/>
      <c r="O42" s="311"/>
      <c r="P42" s="311"/>
      <c r="Q42" s="311"/>
      <c r="R42" s="311"/>
      <c r="S42" s="311"/>
      <c r="T42" s="311"/>
      <c r="U42" s="102"/>
      <c r="V42" s="313"/>
      <c r="W42" s="314"/>
      <c r="X42" s="314" t="s">
        <v>32</v>
      </c>
      <c r="Y42" s="314"/>
      <c r="Z42" s="314"/>
      <c r="AA42" s="317"/>
      <c r="AB42" s="313"/>
      <c r="AC42" s="314"/>
      <c r="AD42" s="314" t="s">
        <v>32</v>
      </c>
      <c r="AE42" s="314"/>
      <c r="AF42" s="314"/>
      <c r="AG42" s="324"/>
      <c r="AH42" s="326"/>
      <c r="AI42" s="306"/>
      <c r="AJ42" s="327"/>
      <c r="AK42" s="330"/>
      <c r="AL42" s="306"/>
      <c r="AM42" s="327"/>
      <c r="AN42" s="330"/>
      <c r="AO42" s="306"/>
      <c r="AP42" s="327"/>
      <c r="AQ42" s="330"/>
      <c r="AR42" s="306"/>
      <c r="AS42" s="327"/>
      <c r="AT42" s="332"/>
      <c r="AU42" s="333"/>
      <c r="AV42" s="334"/>
      <c r="AW42" s="338"/>
      <c r="AX42" s="333"/>
      <c r="AY42" s="339"/>
      <c r="AZ42" s="342"/>
      <c r="BA42" s="333"/>
      <c r="BB42" s="333"/>
      <c r="BC42" s="334"/>
      <c r="BD42" s="23"/>
      <c r="BE42" s="24"/>
      <c r="BF42" s="24"/>
      <c r="BG42" s="25"/>
      <c r="BH42" s="23"/>
      <c r="BI42" s="24"/>
      <c r="BJ42" s="24"/>
      <c r="BK42" s="25"/>
      <c r="BL42" s="344" t="s">
        <v>67</v>
      </c>
      <c r="BM42" s="320"/>
      <c r="BN42" s="320"/>
      <c r="BO42" s="319" t="s">
        <v>77</v>
      </c>
      <c r="BP42" s="320"/>
      <c r="BQ42" s="320"/>
      <c r="BR42" s="123"/>
      <c r="BS42" s="119"/>
      <c r="BT42" s="24"/>
      <c r="BU42" s="24"/>
      <c r="BV42" s="24"/>
      <c r="BW42" s="25"/>
    </row>
    <row r="43" spans="1:75" ht="11.4" customHeight="1">
      <c r="A43" s="298"/>
      <c r="B43" s="302"/>
      <c r="C43" s="303"/>
      <c r="D43" s="304"/>
      <c r="E43" s="308"/>
      <c r="F43" s="309"/>
      <c r="G43" s="310"/>
      <c r="H43" s="103"/>
      <c r="I43" s="312"/>
      <c r="J43" s="312"/>
      <c r="K43" s="312"/>
      <c r="L43" s="312"/>
      <c r="M43" s="312"/>
      <c r="N43" s="312"/>
      <c r="O43" s="312"/>
      <c r="P43" s="312"/>
      <c r="Q43" s="312"/>
      <c r="R43" s="312"/>
      <c r="S43" s="312"/>
      <c r="T43" s="312"/>
      <c r="U43" s="104"/>
      <c r="V43" s="315"/>
      <c r="W43" s="316"/>
      <c r="X43" s="316"/>
      <c r="Y43" s="316"/>
      <c r="Z43" s="316"/>
      <c r="AA43" s="318"/>
      <c r="AB43" s="315"/>
      <c r="AC43" s="316"/>
      <c r="AD43" s="316"/>
      <c r="AE43" s="316"/>
      <c r="AF43" s="316"/>
      <c r="AG43" s="325"/>
      <c r="AH43" s="328"/>
      <c r="AI43" s="309"/>
      <c r="AJ43" s="329"/>
      <c r="AK43" s="331"/>
      <c r="AL43" s="309"/>
      <c r="AM43" s="329"/>
      <c r="AN43" s="331"/>
      <c r="AO43" s="309"/>
      <c r="AP43" s="329"/>
      <c r="AQ43" s="331"/>
      <c r="AR43" s="309"/>
      <c r="AS43" s="329"/>
      <c r="AT43" s="335"/>
      <c r="AU43" s="336"/>
      <c r="AV43" s="337"/>
      <c r="AW43" s="340"/>
      <c r="AX43" s="336"/>
      <c r="AY43" s="341"/>
      <c r="AZ43" s="343"/>
      <c r="BA43" s="336"/>
      <c r="BB43" s="336"/>
      <c r="BC43" s="337"/>
      <c r="BD43" s="28"/>
      <c r="BE43" s="29"/>
      <c r="BF43" s="29"/>
      <c r="BG43" s="30"/>
      <c r="BH43" s="28"/>
      <c r="BI43" s="29"/>
      <c r="BJ43" s="29"/>
      <c r="BK43" s="30"/>
      <c r="BL43" s="321" t="s">
        <v>78</v>
      </c>
      <c r="BM43" s="322"/>
      <c r="BN43" s="322"/>
      <c r="BO43" s="323" t="s">
        <v>65</v>
      </c>
      <c r="BP43" s="322"/>
      <c r="BQ43" s="322"/>
      <c r="BR43" s="124"/>
      <c r="BS43" s="120"/>
      <c r="BT43" s="29"/>
      <c r="BU43" s="29"/>
      <c r="BV43" s="29"/>
      <c r="BW43" s="30"/>
    </row>
    <row r="44" spans="1:75" ht="11.4" customHeight="1">
      <c r="A44" s="298">
        <v>17</v>
      </c>
      <c r="B44" s="299"/>
      <c r="C44" s="300"/>
      <c r="D44" s="301"/>
      <c r="E44" s="305"/>
      <c r="F44" s="306"/>
      <c r="G44" s="307"/>
      <c r="H44" s="101"/>
      <c r="I44" s="311" t="s">
        <v>61</v>
      </c>
      <c r="J44" s="311"/>
      <c r="K44" s="311"/>
      <c r="L44" s="311"/>
      <c r="M44" s="311"/>
      <c r="N44" s="311"/>
      <c r="O44" s="311"/>
      <c r="P44" s="311"/>
      <c r="Q44" s="311"/>
      <c r="R44" s="311"/>
      <c r="S44" s="311"/>
      <c r="T44" s="311"/>
      <c r="U44" s="102"/>
      <c r="V44" s="313"/>
      <c r="W44" s="314"/>
      <c r="X44" s="314" t="s">
        <v>32</v>
      </c>
      <c r="Y44" s="314"/>
      <c r="Z44" s="314"/>
      <c r="AA44" s="317"/>
      <c r="AB44" s="313"/>
      <c r="AC44" s="314"/>
      <c r="AD44" s="314" t="s">
        <v>32</v>
      </c>
      <c r="AE44" s="314"/>
      <c r="AF44" s="314"/>
      <c r="AG44" s="324"/>
      <c r="AH44" s="326"/>
      <c r="AI44" s="306"/>
      <c r="AJ44" s="327"/>
      <c r="AK44" s="330"/>
      <c r="AL44" s="306"/>
      <c r="AM44" s="327"/>
      <c r="AN44" s="330"/>
      <c r="AO44" s="306"/>
      <c r="AP44" s="327"/>
      <c r="AQ44" s="330"/>
      <c r="AR44" s="306"/>
      <c r="AS44" s="327"/>
      <c r="AT44" s="332"/>
      <c r="AU44" s="333"/>
      <c r="AV44" s="334"/>
      <c r="AW44" s="338"/>
      <c r="AX44" s="333"/>
      <c r="AY44" s="339"/>
      <c r="AZ44" s="342"/>
      <c r="BA44" s="333"/>
      <c r="BB44" s="333"/>
      <c r="BC44" s="334"/>
      <c r="BD44" s="23"/>
      <c r="BE44" s="24"/>
      <c r="BF44" s="24"/>
      <c r="BG44" s="25"/>
      <c r="BH44" s="23"/>
      <c r="BI44" s="24"/>
      <c r="BJ44" s="24"/>
      <c r="BK44" s="25"/>
      <c r="BL44" s="344" t="s">
        <v>67</v>
      </c>
      <c r="BM44" s="320"/>
      <c r="BN44" s="320"/>
      <c r="BO44" s="319" t="s">
        <v>77</v>
      </c>
      <c r="BP44" s="320"/>
      <c r="BQ44" s="320"/>
      <c r="BR44" s="123"/>
      <c r="BS44" s="119"/>
      <c r="BT44" s="24"/>
      <c r="BU44" s="24"/>
      <c r="BV44" s="24"/>
      <c r="BW44" s="25"/>
    </row>
    <row r="45" spans="1:75" ht="11.4" customHeight="1">
      <c r="A45" s="298"/>
      <c r="B45" s="302"/>
      <c r="C45" s="303"/>
      <c r="D45" s="304"/>
      <c r="E45" s="308"/>
      <c r="F45" s="309"/>
      <c r="G45" s="310"/>
      <c r="H45" s="103"/>
      <c r="I45" s="312"/>
      <c r="J45" s="312"/>
      <c r="K45" s="312"/>
      <c r="L45" s="312"/>
      <c r="M45" s="312"/>
      <c r="N45" s="312"/>
      <c r="O45" s="312"/>
      <c r="P45" s="312"/>
      <c r="Q45" s="312"/>
      <c r="R45" s="312"/>
      <c r="S45" s="312"/>
      <c r="T45" s="312"/>
      <c r="U45" s="104"/>
      <c r="V45" s="315"/>
      <c r="W45" s="316"/>
      <c r="X45" s="316"/>
      <c r="Y45" s="316"/>
      <c r="Z45" s="316"/>
      <c r="AA45" s="318"/>
      <c r="AB45" s="315"/>
      <c r="AC45" s="316"/>
      <c r="AD45" s="316"/>
      <c r="AE45" s="316"/>
      <c r="AF45" s="316"/>
      <c r="AG45" s="325"/>
      <c r="AH45" s="328"/>
      <c r="AI45" s="309"/>
      <c r="AJ45" s="329"/>
      <c r="AK45" s="331"/>
      <c r="AL45" s="309"/>
      <c r="AM45" s="329"/>
      <c r="AN45" s="331"/>
      <c r="AO45" s="309"/>
      <c r="AP45" s="329"/>
      <c r="AQ45" s="331"/>
      <c r="AR45" s="309"/>
      <c r="AS45" s="329"/>
      <c r="AT45" s="335"/>
      <c r="AU45" s="336"/>
      <c r="AV45" s="337"/>
      <c r="AW45" s="340"/>
      <c r="AX45" s="336"/>
      <c r="AY45" s="341"/>
      <c r="AZ45" s="343"/>
      <c r="BA45" s="336"/>
      <c r="BB45" s="336"/>
      <c r="BC45" s="337"/>
      <c r="BD45" s="28"/>
      <c r="BE45" s="29"/>
      <c r="BF45" s="29"/>
      <c r="BG45" s="30"/>
      <c r="BH45" s="28"/>
      <c r="BI45" s="29"/>
      <c r="BJ45" s="29"/>
      <c r="BK45" s="30"/>
      <c r="BL45" s="321" t="s">
        <v>78</v>
      </c>
      <c r="BM45" s="322"/>
      <c r="BN45" s="322"/>
      <c r="BO45" s="323" t="s">
        <v>65</v>
      </c>
      <c r="BP45" s="322"/>
      <c r="BQ45" s="322"/>
      <c r="BR45" s="124"/>
      <c r="BS45" s="120"/>
      <c r="BT45" s="29"/>
      <c r="BU45" s="29"/>
      <c r="BV45" s="29"/>
      <c r="BW45" s="30"/>
    </row>
    <row r="46" spans="1:75" ht="11.4" customHeight="1">
      <c r="A46" s="298">
        <v>18</v>
      </c>
      <c r="B46" s="299"/>
      <c r="C46" s="300"/>
      <c r="D46" s="301"/>
      <c r="E46" s="305"/>
      <c r="F46" s="306"/>
      <c r="G46" s="307"/>
      <c r="H46" s="101"/>
      <c r="I46" s="311" t="s">
        <v>61</v>
      </c>
      <c r="J46" s="311"/>
      <c r="K46" s="311"/>
      <c r="L46" s="311"/>
      <c r="M46" s="311"/>
      <c r="N46" s="311"/>
      <c r="O46" s="311"/>
      <c r="P46" s="311"/>
      <c r="Q46" s="311"/>
      <c r="R46" s="311"/>
      <c r="S46" s="311"/>
      <c r="T46" s="311"/>
      <c r="U46" s="102"/>
      <c r="V46" s="313"/>
      <c r="W46" s="314"/>
      <c r="X46" s="314" t="s">
        <v>32</v>
      </c>
      <c r="Y46" s="314"/>
      <c r="Z46" s="314"/>
      <c r="AA46" s="317"/>
      <c r="AB46" s="313"/>
      <c r="AC46" s="314"/>
      <c r="AD46" s="314" t="s">
        <v>32</v>
      </c>
      <c r="AE46" s="314"/>
      <c r="AF46" s="314"/>
      <c r="AG46" s="324"/>
      <c r="AH46" s="326"/>
      <c r="AI46" s="306"/>
      <c r="AJ46" s="327"/>
      <c r="AK46" s="330"/>
      <c r="AL46" s="306"/>
      <c r="AM46" s="327"/>
      <c r="AN46" s="330"/>
      <c r="AO46" s="306"/>
      <c r="AP46" s="327"/>
      <c r="AQ46" s="330"/>
      <c r="AR46" s="306"/>
      <c r="AS46" s="327"/>
      <c r="AT46" s="332"/>
      <c r="AU46" s="333"/>
      <c r="AV46" s="334"/>
      <c r="AW46" s="338"/>
      <c r="AX46" s="333"/>
      <c r="AY46" s="339"/>
      <c r="AZ46" s="342"/>
      <c r="BA46" s="333"/>
      <c r="BB46" s="333"/>
      <c r="BC46" s="334"/>
      <c r="BD46" s="23"/>
      <c r="BE46" s="24"/>
      <c r="BF46" s="24"/>
      <c r="BG46" s="25"/>
      <c r="BH46" s="23"/>
      <c r="BI46" s="24"/>
      <c r="BJ46" s="24"/>
      <c r="BK46" s="25"/>
      <c r="BL46" s="344" t="s">
        <v>67</v>
      </c>
      <c r="BM46" s="320"/>
      <c r="BN46" s="320"/>
      <c r="BO46" s="319" t="s">
        <v>77</v>
      </c>
      <c r="BP46" s="320"/>
      <c r="BQ46" s="320"/>
      <c r="BR46" s="123"/>
      <c r="BS46" s="119"/>
      <c r="BT46" s="24"/>
      <c r="BU46" s="24"/>
      <c r="BV46" s="24"/>
      <c r="BW46" s="25"/>
    </row>
    <row r="47" spans="1:75" ht="11.4" customHeight="1">
      <c r="A47" s="298"/>
      <c r="B47" s="302"/>
      <c r="C47" s="303"/>
      <c r="D47" s="304"/>
      <c r="E47" s="308"/>
      <c r="F47" s="309"/>
      <c r="G47" s="310"/>
      <c r="H47" s="103"/>
      <c r="I47" s="312"/>
      <c r="J47" s="312"/>
      <c r="K47" s="312"/>
      <c r="L47" s="312"/>
      <c r="M47" s="312"/>
      <c r="N47" s="312"/>
      <c r="O47" s="312"/>
      <c r="P47" s="312"/>
      <c r="Q47" s="312"/>
      <c r="R47" s="312"/>
      <c r="S47" s="312"/>
      <c r="T47" s="312"/>
      <c r="U47" s="104"/>
      <c r="V47" s="315"/>
      <c r="W47" s="316"/>
      <c r="X47" s="316"/>
      <c r="Y47" s="316"/>
      <c r="Z47" s="316"/>
      <c r="AA47" s="318"/>
      <c r="AB47" s="315"/>
      <c r="AC47" s="316"/>
      <c r="AD47" s="316"/>
      <c r="AE47" s="316"/>
      <c r="AF47" s="316"/>
      <c r="AG47" s="325"/>
      <c r="AH47" s="328"/>
      <c r="AI47" s="309"/>
      <c r="AJ47" s="329"/>
      <c r="AK47" s="331"/>
      <c r="AL47" s="309"/>
      <c r="AM47" s="329"/>
      <c r="AN47" s="331"/>
      <c r="AO47" s="309"/>
      <c r="AP47" s="329"/>
      <c r="AQ47" s="331"/>
      <c r="AR47" s="309"/>
      <c r="AS47" s="329"/>
      <c r="AT47" s="335"/>
      <c r="AU47" s="336"/>
      <c r="AV47" s="337"/>
      <c r="AW47" s="340"/>
      <c r="AX47" s="336"/>
      <c r="AY47" s="341"/>
      <c r="AZ47" s="343"/>
      <c r="BA47" s="336"/>
      <c r="BB47" s="336"/>
      <c r="BC47" s="337"/>
      <c r="BD47" s="28"/>
      <c r="BE47" s="29"/>
      <c r="BF47" s="29"/>
      <c r="BG47" s="30"/>
      <c r="BH47" s="28"/>
      <c r="BI47" s="29"/>
      <c r="BJ47" s="29"/>
      <c r="BK47" s="30"/>
      <c r="BL47" s="321" t="s">
        <v>78</v>
      </c>
      <c r="BM47" s="322"/>
      <c r="BN47" s="322"/>
      <c r="BO47" s="323" t="s">
        <v>65</v>
      </c>
      <c r="BP47" s="322"/>
      <c r="BQ47" s="322"/>
      <c r="BR47" s="124"/>
      <c r="BS47" s="120"/>
      <c r="BT47" s="29"/>
      <c r="BU47" s="29"/>
      <c r="BV47" s="29"/>
      <c r="BW47" s="30"/>
    </row>
    <row r="48" spans="1:75" ht="11.4" customHeight="1">
      <c r="A48" s="298">
        <v>19</v>
      </c>
      <c r="B48" s="299"/>
      <c r="C48" s="300"/>
      <c r="D48" s="301"/>
      <c r="E48" s="305"/>
      <c r="F48" s="306"/>
      <c r="G48" s="307"/>
      <c r="H48" s="101"/>
      <c r="I48" s="311" t="s">
        <v>61</v>
      </c>
      <c r="J48" s="311"/>
      <c r="K48" s="311"/>
      <c r="L48" s="311"/>
      <c r="M48" s="311"/>
      <c r="N48" s="311"/>
      <c r="O48" s="311"/>
      <c r="P48" s="311"/>
      <c r="Q48" s="311"/>
      <c r="R48" s="311"/>
      <c r="S48" s="311"/>
      <c r="T48" s="311"/>
      <c r="U48" s="102"/>
      <c r="V48" s="313"/>
      <c r="W48" s="314"/>
      <c r="X48" s="314" t="s">
        <v>32</v>
      </c>
      <c r="Y48" s="314"/>
      <c r="Z48" s="314"/>
      <c r="AA48" s="317"/>
      <c r="AB48" s="313"/>
      <c r="AC48" s="314"/>
      <c r="AD48" s="314" t="s">
        <v>32</v>
      </c>
      <c r="AE48" s="314"/>
      <c r="AF48" s="314"/>
      <c r="AG48" s="324"/>
      <c r="AH48" s="326"/>
      <c r="AI48" s="306"/>
      <c r="AJ48" s="327"/>
      <c r="AK48" s="330"/>
      <c r="AL48" s="306"/>
      <c r="AM48" s="327"/>
      <c r="AN48" s="330"/>
      <c r="AO48" s="306"/>
      <c r="AP48" s="327"/>
      <c r="AQ48" s="330"/>
      <c r="AR48" s="306"/>
      <c r="AS48" s="327"/>
      <c r="AT48" s="332"/>
      <c r="AU48" s="333"/>
      <c r="AV48" s="334"/>
      <c r="AW48" s="338"/>
      <c r="AX48" s="333"/>
      <c r="AY48" s="339"/>
      <c r="AZ48" s="342"/>
      <c r="BA48" s="333"/>
      <c r="BB48" s="333"/>
      <c r="BC48" s="334"/>
      <c r="BD48" s="23"/>
      <c r="BE48" s="24"/>
      <c r="BF48" s="24"/>
      <c r="BG48" s="25"/>
      <c r="BH48" s="23"/>
      <c r="BI48" s="24"/>
      <c r="BJ48" s="24"/>
      <c r="BK48" s="25"/>
      <c r="BL48" s="344" t="s">
        <v>67</v>
      </c>
      <c r="BM48" s="320"/>
      <c r="BN48" s="320"/>
      <c r="BO48" s="319" t="s">
        <v>77</v>
      </c>
      <c r="BP48" s="320"/>
      <c r="BQ48" s="320"/>
      <c r="BR48" s="123"/>
      <c r="BS48" s="119"/>
      <c r="BT48" s="24"/>
      <c r="BU48" s="24"/>
      <c r="BV48" s="24"/>
      <c r="BW48" s="25"/>
    </row>
    <row r="49" spans="1:77" ht="11.4" customHeight="1">
      <c r="A49" s="298"/>
      <c r="B49" s="302"/>
      <c r="C49" s="303"/>
      <c r="D49" s="304"/>
      <c r="E49" s="308"/>
      <c r="F49" s="309"/>
      <c r="G49" s="310"/>
      <c r="H49" s="103"/>
      <c r="I49" s="312"/>
      <c r="J49" s="312"/>
      <c r="K49" s="312"/>
      <c r="L49" s="312"/>
      <c r="M49" s="312"/>
      <c r="N49" s="312"/>
      <c r="O49" s="312"/>
      <c r="P49" s="312"/>
      <c r="Q49" s="312"/>
      <c r="R49" s="312"/>
      <c r="S49" s="312"/>
      <c r="T49" s="312"/>
      <c r="U49" s="104"/>
      <c r="V49" s="315"/>
      <c r="W49" s="316"/>
      <c r="X49" s="316"/>
      <c r="Y49" s="316"/>
      <c r="Z49" s="316"/>
      <c r="AA49" s="318"/>
      <c r="AB49" s="315"/>
      <c r="AC49" s="316"/>
      <c r="AD49" s="316"/>
      <c r="AE49" s="316"/>
      <c r="AF49" s="316"/>
      <c r="AG49" s="325"/>
      <c r="AH49" s="328"/>
      <c r="AI49" s="309"/>
      <c r="AJ49" s="329"/>
      <c r="AK49" s="331"/>
      <c r="AL49" s="309"/>
      <c r="AM49" s="329"/>
      <c r="AN49" s="331"/>
      <c r="AO49" s="309"/>
      <c r="AP49" s="329"/>
      <c r="AQ49" s="331"/>
      <c r="AR49" s="309"/>
      <c r="AS49" s="329"/>
      <c r="AT49" s="335"/>
      <c r="AU49" s="336"/>
      <c r="AV49" s="337"/>
      <c r="AW49" s="340"/>
      <c r="AX49" s="336"/>
      <c r="AY49" s="341"/>
      <c r="AZ49" s="343"/>
      <c r="BA49" s="336"/>
      <c r="BB49" s="336"/>
      <c r="BC49" s="337"/>
      <c r="BD49" s="28"/>
      <c r="BE49" s="29"/>
      <c r="BF49" s="29"/>
      <c r="BG49" s="30"/>
      <c r="BH49" s="28"/>
      <c r="BI49" s="29"/>
      <c r="BJ49" s="29"/>
      <c r="BK49" s="30"/>
      <c r="BL49" s="321" t="s">
        <v>78</v>
      </c>
      <c r="BM49" s="322"/>
      <c r="BN49" s="322"/>
      <c r="BO49" s="323" t="s">
        <v>65</v>
      </c>
      <c r="BP49" s="322"/>
      <c r="BQ49" s="322"/>
      <c r="BR49" s="124"/>
      <c r="BS49" s="120"/>
      <c r="BT49" s="29"/>
      <c r="BU49" s="29"/>
      <c r="BV49" s="29"/>
      <c r="BW49" s="30"/>
    </row>
    <row r="50" spans="1:77" ht="11.4" customHeight="1">
      <c r="A50" s="298">
        <v>20</v>
      </c>
      <c r="B50" s="299"/>
      <c r="C50" s="300"/>
      <c r="D50" s="301"/>
      <c r="E50" s="305"/>
      <c r="F50" s="306"/>
      <c r="G50" s="307"/>
      <c r="H50" s="101"/>
      <c r="I50" s="311" t="s">
        <v>61</v>
      </c>
      <c r="J50" s="311"/>
      <c r="K50" s="311"/>
      <c r="L50" s="311"/>
      <c r="M50" s="311"/>
      <c r="N50" s="311"/>
      <c r="O50" s="311"/>
      <c r="P50" s="311"/>
      <c r="Q50" s="311"/>
      <c r="R50" s="311"/>
      <c r="S50" s="311"/>
      <c r="T50" s="311"/>
      <c r="U50" s="102"/>
      <c r="V50" s="313"/>
      <c r="W50" s="314"/>
      <c r="X50" s="314" t="s">
        <v>32</v>
      </c>
      <c r="Y50" s="314"/>
      <c r="Z50" s="314"/>
      <c r="AA50" s="317"/>
      <c r="AB50" s="313"/>
      <c r="AC50" s="314"/>
      <c r="AD50" s="314" t="s">
        <v>32</v>
      </c>
      <c r="AE50" s="314"/>
      <c r="AF50" s="314"/>
      <c r="AG50" s="324"/>
      <c r="AH50" s="326"/>
      <c r="AI50" s="306"/>
      <c r="AJ50" s="327"/>
      <c r="AK50" s="330"/>
      <c r="AL50" s="306"/>
      <c r="AM50" s="327"/>
      <c r="AN50" s="330"/>
      <c r="AO50" s="306"/>
      <c r="AP50" s="327"/>
      <c r="AQ50" s="330"/>
      <c r="AR50" s="306"/>
      <c r="AS50" s="327"/>
      <c r="AT50" s="332"/>
      <c r="AU50" s="333"/>
      <c r="AV50" s="334"/>
      <c r="AW50" s="338"/>
      <c r="AX50" s="333"/>
      <c r="AY50" s="339"/>
      <c r="AZ50" s="342"/>
      <c r="BA50" s="333"/>
      <c r="BB50" s="333"/>
      <c r="BC50" s="334"/>
      <c r="BD50" s="23"/>
      <c r="BE50" s="24"/>
      <c r="BF50" s="24"/>
      <c r="BG50" s="25"/>
      <c r="BH50" s="23"/>
      <c r="BI50" s="24"/>
      <c r="BJ50" s="24"/>
      <c r="BK50" s="25"/>
      <c r="BL50" s="344" t="s">
        <v>67</v>
      </c>
      <c r="BM50" s="320"/>
      <c r="BN50" s="320"/>
      <c r="BO50" s="319" t="s">
        <v>77</v>
      </c>
      <c r="BP50" s="320"/>
      <c r="BQ50" s="320"/>
      <c r="BR50" s="123"/>
      <c r="BS50" s="119"/>
      <c r="BT50" s="24"/>
      <c r="BU50" s="24"/>
      <c r="BV50" s="24"/>
      <c r="BW50" s="25"/>
    </row>
    <row r="51" spans="1:77" ht="11.4" customHeight="1" thickBot="1">
      <c r="A51" s="298"/>
      <c r="B51" s="345"/>
      <c r="C51" s="346"/>
      <c r="D51" s="347"/>
      <c r="E51" s="348"/>
      <c r="F51" s="349"/>
      <c r="G51" s="350"/>
      <c r="H51" s="103"/>
      <c r="I51" s="312"/>
      <c r="J51" s="312"/>
      <c r="K51" s="312"/>
      <c r="L51" s="312"/>
      <c r="M51" s="312"/>
      <c r="N51" s="312"/>
      <c r="O51" s="312"/>
      <c r="P51" s="312"/>
      <c r="Q51" s="312"/>
      <c r="R51" s="312"/>
      <c r="S51" s="312"/>
      <c r="T51" s="312"/>
      <c r="U51" s="104"/>
      <c r="V51" s="351"/>
      <c r="W51" s="352"/>
      <c r="X51" s="352"/>
      <c r="Y51" s="352"/>
      <c r="Z51" s="352"/>
      <c r="AA51" s="388"/>
      <c r="AB51" s="351"/>
      <c r="AC51" s="352"/>
      <c r="AD51" s="352"/>
      <c r="AE51" s="352"/>
      <c r="AF51" s="352"/>
      <c r="AG51" s="389"/>
      <c r="AH51" s="390"/>
      <c r="AI51" s="349"/>
      <c r="AJ51" s="382"/>
      <c r="AK51" s="381"/>
      <c r="AL51" s="349"/>
      <c r="AM51" s="382"/>
      <c r="AN51" s="381"/>
      <c r="AO51" s="349"/>
      <c r="AP51" s="382"/>
      <c r="AQ51" s="381"/>
      <c r="AR51" s="349"/>
      <c r="AS51" s="382"/>
      <c r="AT51" s="383"/>
      <c r="AU51" s="384"/>
      <c r="AV51" s="385"/>
      <c r="AW51" s="386"/>
      <c r="AX51" s="384"/>
      <c r="AY51" s="387"/>
      <c r="AZ51" s="343"/>
      <c r="BA51" s="336"/>
      <c r="BB51" s="336"/>
      <c r="BC51" s="337"/>
      <c r="BD51" s="33"/>
      <c r="BE51" s="34"/>
      <c r="BF51" s="34"/>
      <c r="BG51" s="35"/>
      <c r="BH51" s="33"/>
      <c r="BI51" s="34"/>
      <c r="BJ51" s="34"/>
      <c r="BK51" s="35"/>
      <c r="BL51" s="408" t="s">
        <v>78</v>
      </c>
      <c r="BM51" s="409"/>
      <c r="BN51" s="409"/>
      <c r="BO51" s="410" t="s">
        <v>65</v>
      </c>
      <c r="BP51" s="409"/>
      <c r="BQ51" s="409"/>
      <c r="BR51" s="125"/>
      <c r="BS51" s="121"/>
      <c r="BT51" s="36"/>
      <c r="BU51" s="36"/>
      <c r="BV51" s="36"/>
      <c r="BW51" s="37"/>
    </row>
    <row r="52" spans="1:77" s="5" customFormat="1" ht="11.4" customHeight="1" thickTop="1">
      <c r="A52" s="153"/>
      <c r="B52" s="353" t="s">
        <v>33</v>
      </c>
      <c r="C52" s="354"/>
      <c r="D52" s="355"/>
      <c r="E52" s="1"/>
      <c r="F52" s="2"/>
      <c r="G52" s="2"/>
      <c r="H52" s="2"/>
      <c r="I52" s="2"/>
      <c r="J52" s="2"/>
      <c r="K52" s="2"/>
      <c r="L52" s="2"/>
      <c r="M52" s="2"/>
      <c r="N52" s="2"/>
      <c r="O52" s="2"/>
      <c r="P52" s="2"/>
      <c r="Q52" s="2"/>
      <c r="R52" s="2"/>
      <c r="S52" s="2"/>
      <c r="T52" s="2"/>
      <c r="U52" s="2"/>
      <c r="V52" s="359" t="s">
        <v>34</v>
      </c>
      <c r="W52" s="360"/>
      <c r="X52" s="360"/>
      <c r="Y52" s="360"/>
      <c r="Z52" s="360"/>
      <c r="AA52" s="360"/>
      <c r="AB52" s="360"/>
      <c r="AC52" s="360"/>
      <c r="AD52" s="360"/>
      <c r="AE52" s="360"/>
      <c r="AF52" s="360"/>
      <c r="AG52" s="360"/>
      <c r="AH52" s="361" t="s">
        <v>35</v>
      </c>
      <c r="AI52" s="360"/>
      <c r="AJ52" s="360"/>
      <c r="AK52" s="360"/>
      <c r="AL52" s="360"/>
      <c r="AM52" s="360"/>
      <c r="AN52" s="360"/>
      <c r="AO52" s="360"/>
      <c r="AP52" s="360"/>
      <c r="AQ52" s="360"/>
      <c r="AR52" s="360"/>
      <c r="AS52" s="360"/>
      <c r="AT52" s="360"/>
      <c r="AU52" s="360"/>
      <c r="AV52" s="360"/>
      <c r="AW52" s="360"/>
      <c r="AX52" s="360"/>
      <c r="AY52" s="362"/>
      <c r="AZ52" s="364" t="s">
        <v>36</v>
      </c>
      <c r="BA52" s="360"/>
      <c r="BB52" s="360"/>
      <c r="BC52" s="365"/>
      <c r="BD52" s="4"/>
      <c r="BE52" s="366" t="s">
        <v>37</v>
      </c>
      <c r="BF52" s="367"/>
      <c r="BG52" s="4"/>
      <c r="BH52" s="3"/>
      <c r="BI52" s="372" t="s">
        <v>38</v>
      </c>
      <c r="BJ52" s="373"/>
      <c r="BK52" s="373"/>
      <c r="BL52" s="376" t="s">
        <v>39</v>
      </c>
      <c r="BM52" s="377"/>
      <c r="BN52" s="378"/>
      <c r="BO52" s="372" t="s">
        <v>40</v>
      </c>
      <c r="BP52" s="373"/>
      <c r="BQ52" s="373"/>
      <c r="BR52" s="373" t="s">
        <v>41</v>
      </c>
      <c r="BS52" s="373"/>
      <c r="BT52" s="403"/>
      <c r="BU52" s="373" t="s">
        <v>64</v>
      </c>
      <c r="BV52" s="373"/>
      <c r="BW52" s="403"/>
    </row>
    <row r="53" spans="1:77" s="5" customFormat="1" ht="11.4" customHeight="1">
      <c r="A53" s="153"/>
      <c r="B53" s="353"/>
      <c r="C53" s="354"/>
      <c r="D53" s="355"/>
      <c r="E53" s="6"/>
      <c r="F53" s="149"/>
      <c r="G53" s="149"/>
      <c r="H53" s="149"/>
      <c r="I53" s="149"/>
      <c r="J53" s="149"/>
      <c r="K53" s="149"/>
      <c r="L53" s="149"/>
      <c r="M53" s="149"/>
      <c r="N53" s="149"/>
      <c r="O53" s="149"/>
      <c r="P53" s="149"/>
      <c r="Q53" s="149"/>
      <c r="R53" s="149"/>
      <c r="S53" s="149"/>
      <c r="T53" s="149"/>
      <c r="U53" s="149"/>
      <c r="V53" s="405">
        <v>1</v>
      </c>
      <c r="W53" s="406"/>
      <c r="X53" s="407"/>
      <c r="Y53" s="406">
        <v>0.9</v>
      </c>
      <c r="Z53" s="406"/>
      <c r="AA53" s="406"/>
      <c r="AB53" s="405">
        <v>0.7</v>
      </c>
      <c r="AC53" s="406"/>
      <c r="AD53" s="407"/>
      <c r="AE53" s="210" t="s">
        <v>42</v>
      </c>
      <c r="AF53" s="210"/>
      <c r="AG53" s="210"/>
      <c r="AH53" s="363"/>
      <c r="AI53" s="200"/>
      <c r="AJ53" s="200"/>
      <c r="AK53" s="200"/>
      <c r="AL53" s="200"/>
      <c r="AM53" s="200"/>
      <c r="AN53" s="200"/>
      <c r="AO53" s="200"/>
      <c r="AP53" s="200"/>
      <c r="AQ53" s="200"/>
      <c r="AR53" s="200"/>
      <c r="AS53" s="200"/>
      <c r="AT53" s="200"/>
      <c r="AU53" s="200"/>
      <c r="AV53" s="200"/>
      <c r="AW53" s="200"/>
      <c r="AX53" s="200"/>
      <c r="AY53" s="230"/>
      <c r="AZ53" s="363"/>
      <c r="BA53" s="200"/>
      <c r="BB53" s="200"/>
      <c r="BC53" s="225"/>
      <c r="BD53" s="7"/>
      <c r="BE53" s="368"/>
      <c r="BF53" s="369"/>
      <c r="BG53" s="7"/>
      <c r="BH53" s="9"/>
      <c r="BI53" s="374"/>
      <c r="BJ53" s="375"/>
      <c r="BK53" s="375"/>
      <c r="BL53" s="379"/>
      <c r="BM53" s="379"/>
      <c r="BN53" s="380"/>
      <c r="BO53" s="374"/>
      <c r="BP53" s="375"/>
      <c r="BQ53" s="375"/>
      <c r="BR53" s="375"/>
      <c r="BS53" s="375"/>
      <c r="BT53" s="404"/>
      <c r="BU53" s="375"/>
      <c r="BV53" s="375"/>
      <c r="BW53" s="404"/>
    </row>
    <row r="54" spans="1:77" ht="11.4" customHeight="1">
      <c r="A54" s="78"/>
      <c r="B54" s="353"/>
      <c r="C54" s="354"/>
      <c r="D54" s="355"/>
      <c r="E54" s="205">
        <v>1</v>
      </c>
      <c r="F54" s="198"/>
      <c r="G54" s="198"/>
      <c r="H54" s="391" t="s">
        <v>43</v>
      </c>
      <c r="I54" s="391"/>
      <c r="J54" s="391"/>
      <c r="K54" s="391"/>
      <c r="L54" s="391"/>
      <c r="M54" s="391"/>
      <c r="N54" s="391"/>
      <c r="O54" s="391"/>
      <c r="P54" s="391"/>
      <c r="Q54" s="391"/>
      <c r="R54" s="391"/>
      <c r="S54" s="391"/>
      <c r="T54" s="391"/>
      <c r="U54" s="391"/>
      <c r="V54" s="393"/>
      <c r="W54" s="394"/>
      <c r="X54" s="202"/>
      <c r="Y54" s="84"/>
      <c r="Z54" s="84"/>
      <c r="AA54" s="84"/>
      <c r="AB54" s="393"/>
      <c r="AC54" s="394"/>
      <c r="AD54" s="202"/>
      <c r="AE54" s="397"/>
      <c r="AF54" s="398"/>
      <c r="AG54" s="399"/>
      <c r="AH54" s="431"/>
      <c r="AI54" s="421"/>
      <c r="AJ54" s="421"/>
      <c r="AK54" s="421"/>
      <c r="AL54" s="421"/>
      <c r="AM54" s="421"/>
      <c r="AN54" s="421"/>
      <c r="AO54" s="421"/>
      <c r="AP54" s="421"/>
      <c r="AQ54" s="421"/>
      <c r="AR54" s="421"/>
      <c r="AS54" s="421"/>
      <c r="AT54" s="421"/>
      <c r="AU54" s="421"/>
      <c r="AV54" s="423"/>
      <c r="AW54" s="425"/>
      <c r="AX54" s="425"/>
      <c r="AY54" s="426"/>
      <c r="AZ54" s="427"/>
      <c r="BA54" s="398"/>
      <c r="BB54" s="398"/>
      <c r="BC54" s="428"/>
      <c r="BD54" s="38"/>
      <c r="BE54" s="368"/>
      <c r="BF54" s="369"/>
      <c r="BG54" s="393">
        <v>1</v>
      </c>
      <c r="BH54" s="202"/>
      <c r="BI54" s="411"/>
      <c r="BJ54" s="412"/>
      <c r="BK54" s="412"/>
      <c r="BL54" s="412"/>
      <c r="BM54" s="412"/>
      <c r="BN54" s="415"/>
      <c r="BO54" s="411"/>
      <c r="BP54" s="412"/>
      <c r="BQ54" s="412"/>
      <c r="BR54" s="412"/>
      <c r="BS54" s="412"/>
      <c r="BT54" s="415"/>
      <c r="BU54" s="417" t="s">
        <v>67</v>
      </c>
      <c r="BV54" s="417"/>
      <c r="BW54" s="418"/>
    </row>
    <row r="55" spans="1:77" ht="11.4" customHeight="1">
      <c r="A55" s="78"/>
      <c r="B55" s="353"/>
      <c r="C55" s="354"/>
      <c r="D55" s="355"/>
      <c r="E55" s="207"/>
      <c r="F55" s="200"/>
      <c r="G55" s="200"/>
      <c r="H55" s="392"/>
      <c r="I55" s="392"/>
      <c r="J55" s="392"/>
      <c r="K55" s="392"/>
      <c r="L55" s="392"/>
      <c r="M55" s="392"/>
      <c r="N55" s="392"/>
      <c r="O55" s="392"/>
      <c r="P55" s="392"/>
      <c r="Q55" s="392"/>
      <c r="R55" s="392"/>
      <c r="S55" s="392"/>
      <c r="T55" s="392"/>
      <c r="U55" s="392"/>
      <c r="V55" s="395"/>
      <c r="W55" s="396"/>
      <c r="X55" s="204"/>
      <c r="Y55" s="84"/>
      <c r="Z55" s="84"/>
      <c r="AA55" s="84"/>
      <c r="AB55" s="395"/>
      <c r="AC55" s="396"/>
      <c r="AD55" s="204"/>
      <c r="AE55" s="400"/>
      <c r="AF55" s="401"/>
      <c r="AG55" s="402"/>
      <c r="AH55" s="434"/>
      <c r="AI55" s="422"/>
      <c r="AJ55" s="422"/>
      <c r="AK55" s="422"/>
      <c r="AL55" s="422"/>
      <c r="AM55" s="422"/>
      <c r="AN55" s="422"/>
      <c r="AO55" s="422"/>
      <c r="AP55" s="422"/>
      <c r="AQ55" s="422"/>
      <c r="AR55" s="422"/>
      <c r="AS55" s="422"/>
      <c r="AT55" s="422"/>
      <c r="AU55" s="422"/>
      <c r="AV55" s="424"/>
      <c r="AW55" s="425"/>
      <c r="AX55" s="425"/>
      <c r="AY55" s="426"/>
      <c r="AZ55" s="429"/>
      <c r="BA55" s="401"/>
      <c r="BB55" s="401"/>
      <c r="BC55" s="430"/>
      <c r="BD55" s="38"/>
      <c r="BE55" s="368"/>
      <c r="BF55" s="369"/>
      <c r="BG55" s="395"/>
      <c r="BH55" s="204"/>
      <c r="BI55" s="413"/>
      <c r="BJ55" s="414"/>
      <c r="BK55" s="414"/>
      <c r="BL55" s="414"/>
      <c r="BM55" s="414"/>
      <c r="BN55" s="416"/>
      <c r="BO55" s="413"/>
      <c r="BP55" s="414"/>
      <c r="BQ55" s="414"/>
      <c r="BR55" s="414"/>
      <c r="BS55" s="414"/>
      <c r="BT55" s="416"/>
      <c r="BU55" s="419"/>
      <c r="BV55" s="419"/>
      <c r="BW55" s="420"/>
    </row>
    <row r="56" spans="1:77" ht="11.4" customHeight="1">
      <c r="A56" s="78"/>
      <c r="B56" s="353"/>
      <c r="C56" s="354"/>
      <c r="D56" s="355"/>
      <c r="E56" s="205">
        <v>2</v>
      </c>
      <c r="F56" s="198"/>
      <c r="G56" s="198"/>
      <c r="H56" s="391" t="s">
        <v>62</v>
      </c>
      <c r="I56" s="391"/>
      <c r="J56" s="391"/>
      <c r="K56" s="391"/>
      <c r="L56" s="391"/>
      <c r="M56" s="391"/>
      <c r="N56" s="391"/>
      <c r="O56" s="391"/>
      <c r="P56" s="391"/>
      <c r="Q56" s="391"/>
      <c r="R56" s="391"/>
      <c r="S56" s="391"/>
      <c r="T56" s="391"/>
      <c r="U56" s="391"/>
      <c r="V56" s="393"/>
      <c r="W56" s="394"/>
      <c r="X56" s="202"/>
      <c r="Y56" s="79"/>
      <c r="Z56" s="79"/>
      <c r="AA56" s="79"/>
      <c r="AB56" s="393"/>
      <c r="AC56" s="394"/>
      <c r="AD56" s="202"/>
      <c r="AE56" s="397"/>
      <c r="AF56" s="398"/>
      <c r="AG56" s="399"/>
      <c r="AH56" s="431"/>
      <c r="AI56" s="421"/>
      <c r="AJ56" s="421"/>
      <c r="AK56" s="421"/>
      <c r="AL56" s="421"/>
      <c r="AM56" s="421"/>
      <c r="AN56" s="421"/>
      <c r="AO56" s="421"/>
      <c r="AP56" s="421"/>
      <c r="AQ56" s="421"/>
      <c r="AR56" s="421"/>
      <c r="AS56" s="421"/>
      <c r="AT56" s="421"/>
      <c r="AU56" s="421"/>
      <c r="AV56" s="423"/>
      <c r="AW56" s="439"/>
      <c r="AX56" s="439"/>
      <c r="AY56" s="440"/>
      <c r="AZ56" s="427"/>
      <c r="BA56" s="398"/>
      <c r="BB56" s="398"/>
      <c r="BC56" s="428"/>
      <c r="BD56" s="38"/>
      <c r="BE56" s="368"/>
      <c r="BF56" s="369"/>
      <c r="BG56" s="393">
        <v>2</v>
      </c>
      <c r="BH56" s="202"/>
      <c r="BI56" s="411"/>
      <c r="BJ56" s="412"/>
      <c r="BK56" s="412"/>
      <c r="BL56" s="412"/>
      <c r="BM56" s="412"/>
      <c r="BN56" s="415"/>
      <c r="BO56" s="411"/>
      <c r="BP56" s="412"/>
      <c r="BQ56" s="412"/>
      <c r="BR56" s="412"/>
      <c r="BS56" s="412"/>
      <c r="BT56" s="415"/>
      <c r="BU56" s="435"/>
      <c r="BV56" s="436"/>
      <c r="BW56" s="437"/>
    </row>
    <row r="57" spans="1:77" ht="11.4" customHeight="1">
      <c r="A57" s="78"/>
      <c r="B57" s="353"/>
      <c r="C57" s="354"/>
      <c r="D57" s="355"/>
      <c r="E57" s="207"/>
      <c r="F57" s="200"/>
      <c r="G57" s="200"/>
      <c r="H57" s="392"/>
      <c r="I57" s="392"/>
      <c r="J57" s="392"/>
      <c r="K57" s="392"/>
      <c r="L57" s="392"/>
      <c r="M57" s="392"/>
      <c r="N57" s="392"/>
      <c r="O57" s="392"/>
      <c r="P57" s="392"/>
      <c r="Q57" s="392"/>
      <c r="R57" s="392"/>
      <c r="S57" s="392"/>
      <c r="T57" s="392"/>
      <c r="U57" s="392"/>
      <c r="V57" s="395"/>
      <c r="W57" s="396"/>
      <c r="X57" s="204"/>
      <c r="Y57" s="82"/>
      <c r="Z57" s="82"/>
      <c r="AA57" s="82"/>
      <c r="AB57" s="395"/>
      <c r="AC57" s="396"/>
      <c r="AD57" s="204"/>
      <c r="AE57" s="400"/>
      <c r="AF57" s="401"/>
      <c r="AG57" s="402"/>
      <c r="AH57" s="432"/>
      <c r="AI57" s="433"/>
      <c r="AJ57" s="433"/>
      <c r="AK57" s="433"/>
      <c r="AL57" s="433"/>
      <c r="AM57" s="433"/>
      <c r="AN57" s="433"/>
      <c r="AO57" s="433"/>
      <c r="AP57" s="433"/>
      <c r="AQ57" s="433"/>
      <c r="AR57" s="433"/>
      <c r="AS57" s="433"/>
      <c r="AT57" s="433"/>
      <c r="AU57" s="433"/>
      <c r="AV57" s="438"/>
      <c r="AW57" s="441"/>
      <c r="AX57" s="441"/>
      <c r="AY57" s="442"/>
      <c r="AZ57" s="429"/>
      <c r="BA57" s="401"/>
      <c r="BB57" s="401"/>
      <c r="BC57" s="430"/>
      <c r="BD57" s="38"/>
      <c r="BE57" s="368"/>
      <c r="BF57" s="369"/>
      <c r="BG57" s="395"/>
      <c r="BH57" s="204"/>
      <c r="BI57" s="413"/>
      <c r="BJ57" s="414"/>
      <c r="BK57" s="414"/>
      <c r="BL57" s="414"/>
      <c r="BM57" s="414"/>
      <c r="BN57" s="416"/>
      <c r="BO57" s="413"/>
      <c r="BP57" s="414"/>
      <c r="BQ57" s="414"/>
      <c r="BR57" s="414"/>
      <c r="BS57" s="414"/>
      <c r="BT57" s="416"/>
      <c r="BU57" s="413"/>
      <c r="BV57" s="414"/>
      <c r="BW57" s="416"/>
    </row>
    <row r="58" spans="1:77" ht="11.4" customHeight="1">
      <c r="A58" s="78"/>
      <c r="B58" s="353"/>
      <c r="C58" s="354"/>
      <c r="D58" s="355"/>
      <c r="E58" s="205">
        <v>3</v>
      </c>
      <c r="F58" s="198"/>
      <c r="G58" s="198"/>
      <c r="H58" s="391" t="s">
        <v>8</v>
      </c>
      <c r="I58" s="391"/>
      <c r="J58" s="391"/>
      <c r="K58" s="391"/>
      <c r="L58" s="391"/>
      <c r="M58" s="391"/>
      <c r="N58" s="391"/>
      <c r="O58" s="391"/>
      <c r="P58" s="391"/>
      <c r="Q58" s="391"/>
      <c r="R58" s="391"/>
      <c r="S58" s="391"/>
      <c r="T58" s="391"/>
      <c r="U58" s="391"/>
      <c r="V58" s="393"/>
      <c r="W58" s="394"/>
      <c r="X58" s="202"/>
      <c r="Y58" s="393"/>
      <c r="Z58" s="394"/>
      <c r="AA58" s="202"/>
      <c r="AB58" s="105"/>
      <c r="AC58" s="79"/>
      <c r="AD58" s="106"/>
      <c r="AE58" s="79"/>
      <c r="AF58" s="79"/>
      <c r="AG58" s="107"/>
      <c r="AH58" s="431"/>
      <c r="AI58" s="421"/>
      <c r="AJ58" s="421"/>
      <c r="AK58" s="421"/>
      <c r="AL58" s="421"/>
      <c r="AM58" s="421"/>
      <c r="AN58" s="421"/>
      <c r="AO58" s="421"/>
      <c r="AP58" s="421"/>
      <c r="AQ58" s="421"/>
      <c r="AR58" s="421"/>
      <c r="AS58" s="421"/>
      <c r="AT58" s="421"/>
      <c r="AU58" s="421"/>
      <c r="AV58" s="423"/>
      <c r="AW58" s="439"/>
      <c r="AX58" s="439"/>
      <c r="AY58" s="440"/>
      <c r="AZ58" s="427"/>
      <c r="BA58" s="398"/>
      <c r="BB58" s="398"/>
      <c r="BC58" s="428"/>
      <c r="BD58" s="38"/>
      <c r="BE58" s="368"/>
      <c r="BF58" s="369"/>
      <c r="BG58" s="393">
        <v>3</v>
      </c>
      <c r="BH58" s="202"/>
      <c r="BI58" s="411"/>
      <c r="BJ58" s="412"/>
      <c r="BK58" s="412"/>
      <c r="BL58" s="412"/>
      <c r="BM58" s="412"/>
      <c r="BN58" s="415"/>
      <c r="BO58" s="411"/>
      <c r="BP58" s="412"/>
      <c r="BQ58" s="412"/>
      <c r="BR58" s="412"/>
      <c r="BS58" s="412"/>
      <c r="BT58" s="415"/>
      <c r="BU58" s="443" t="s">
        <v>78</v>
      </c>
      <c r="BV58" s="417"/>
      <c r="BW58" s="418"/>
    </row>
    <row r="59" spans="1:77" ht="11.4" customHeight="1">
      <c r="A59" s="78"/>
      <c r="B59" s="353"/>
      <c r="C59" s="354"/>
      <c r="D59" s="355"/>
      <c r="E59" s="207"/>
      <c r="F59" s="200"/>
      <c r="G59" s="200"/>
      <c r="H59" s="392"/>
      <c r="I59" s="392"/>
      <c r="J59" s="392"/>
      <c r="K59" s="392"/>
      <c r="L59" s="392"/>
      <c r="M59" s="392"/>
      <c r="N59" s="392"/>
      <c r="O59" s="392"/>
      <c r="P59" s="392"/>
      <c r="Q59" s="392"/>
      <c r="R59" s="392"/>
      <c r="S59" s="392"/>
      <c r="T59" s="392"/>
      <c r="U59" s="392"/>
      <c r="V59" s="395"/>
      <c r="W59" s="396"/>
      <c r="X59" s="204"/>
      <c r="Y59" s="395"/>
      <c r="Z59" s="396"/>
      <c r="AA59" s="204"/>
      <c r="AB59" s="86"/>
      <c r="AC59" s="82"/>
      <c r="AD59" s="87"/>
      <c r="AE59" s="82"/>
      <c r="AF59" s="82"/>
      <c r="AG59" s="108"/>
      <c r="AH59" s="432"/>
      <c r="AI59" s="433"/>
      <c r="AJ59" s="433"/>
      <c r="AK59" s="433"/>
      <c r="AL59" s="433"/>
      <c r="AM59" s="433"/>
      <c r="AN59" s="433"/>
      <c r="AO59" s="433"/>
      <c r="AP59" s="433"/>
      <c r="AQ59" s="433"/>
      <c r="AR59" s="433"/>
      <c r="AS59" s="433"/>
      <c r="AT59" s="433"/>
      <c r="AU59" s="433"/>
      <c r="AV59" s="438"/>
      <c r="AW59" s="441"/>
      <c r="AX59" s="441"/>
      <c r="AY59" s="442"/>
      <c r="AZ59" s="429"/>
      <c r="BA59" s="401"/>
      <c r="BB59" s="401"/>
      <c r="BC59" s="430"/>
      <c r="BD59" s="38"/>
      <c r="BE59" s="368"/>
      <c r="BF59" s="369"/>
      <c r="BG59" s="395"/>
      <c r="BH59" s="204"/>
      <c r="BI59" s="413"/>
      <c r="BJ59" s="414"/>
      <c r="BK59" s="414"/>
      <c r="BL59" s="414"/>
      <c r="BM59" s="414"/>
      <c r="BN59" s="416"/>
      <c r="BO59" s="413"/>
      <c r="BP59" s="414"/>
      <c r="BQ59" s="414"/>
      <c r="BR59" s="414"/>
      <c r="BS59" s="414"/>
      <c r="BT59" s="416"/>
      <c r="BU59" s="444"/>
      <c r="BV59" s="445"/>
      <c r="BW59" s="446"/>
    </row>
    <row r="60" spans="1:77" ht="11.4" customHeight="1">
      <c r="A60" s="78"/>
      <c r="B60" s="353"/>
      <c r="C60" s="354"/>
      <c r="D60" s="355"/>
      <c r="E60" s="205">
        <v>4</v>
      </c>
      <c r="F60" s="198"/>
      <c r="G60" s="198"/>
      <c r="H60" s="391" t="s">
        <v>63</v>
      </c>
      <c r="I60" s="391"/>
      <c r="J60" s="391"/>
      <c r="K60" s="391"/>
      <c r="L60" s="391"/>
      <c r="M60" s="391"/>
      <c r="N60" s="391"/>
      <c r="O60" s="391"/>
      <c r="P60" s="391"/>
      <c r="Q60" s="391"/>
      <c r="R60" s="391"/>
      <c r="S60" s="391"/>
      <c r="T60" s="391"/>
      <c r="U60" s="391"/>
      <c r="V60" s="393"/>
      <c r="W60" s="394"/>
      <c r="X60" s="202"/>
      <c r="Y60" s="393"/>
      <c r="Z60" s="394"/>
      <c r="AA60" s="202"/>
      <c r="AB60" s="83"/>
      <c r="AC60" s="84"/>
      <c r="AD60" s="85"/>
      <c r="AE60" s="84"/>
      <c r="AF60" s="84"/>
      <c r="AG60" s="109"/>
      <c r="AH60" s="431"/>
      <c r="AI60" s="421"/>
      <c r="AJ60" s="421"/>
      <c r="AK60" s="421"/>
      <c r="AL60" s="421"/>
      <c r="AM60" s="421"/>
      <c r="AN60" s="421"/>
      <c r="AO60" s="421"/>
      <c r="AP60" s="421"/>
      <c r="AQ60" s="421"/>
      <c r="AR60" s="421"/>
      <c r="AS60" s="421"/>
      <c r="AT60" s="421"/>
      <c r="AU60" s="421"/>
      <c r="AV60" s="423"/>
      <c r="AW60" s="439"/>
      <c r="AX60" s="439"/>
      <c r="AY60" s="440"/>
      <c r="AZ60" s="427"/>
      <c r="BA60" s="398"/>
      <c r="BB60" s="398"/>
      <c r="BC60" s="428"/>
      <c r="BD60" s="38"/>
      <c r="BE60" s="368"/>
      <c r="BF60" s="369"/>
      <c r="BG60" s="393">
        <v>4</v>
      </c>
      <c r="BH60" s="202"/>
      <c r="BI60" s="447"/>
      <c r="BJ60" s="448"/>
      <c r="BK60" s="448"/>
      <c r="BL60" s="412"/>
      <c r="BM60" s="412"/>
      <c r="BN60" s="415"/>
      <c r="BO60" s="411"/>
      <c r="BP60" s="412"/>
      <c r="BQ60" s="412"/>
      <c r="BR60" s="412"/>
      <c r="BS60" s="412"/>
      <c r="BT60" s="415"/>
      <c r="BU60" s="451"/>
      <c r="BV60" s="452"/>
      <c r="BW60" s="453"/>
    </row>
    <row r="61" spans="1:77" ht="11.4" customHeight="1">
      <c r="A61" s="78"/>
      <c r="B61" s="353"/>
      <c r="C61" s="354"/>
      <c r="D61" s="355"/>
      <c r="E61" s="207"/>
      <c r="F61" s="200"/>
      <c r="G61" s="200"/>
      <c r="H61" s="392"/>
      <c r="I61" s="392"/>
      <c r="J61" s="392"/>
      <c r="K61" s="392"/>
      <c r="L61" s="392"/>
      <c r="M61" s="392"/>
      <c r="N61" s="392"/>
      <c r="O61" s="392"/>
      <c r="P61" s="392"/>
      <c r="Q61" s="392"/>
      <c r="R61" s="392"/>
      <c r="S61" s="392"/>
      <c r="T61" s="392"/>
      <c r="U61" s="392"/>
      <c r="V61" s="395"/>
      <c r="W61" s="396"/>
      <c r="X61" s="204"/>
      <c r="Y61" s="395"/>
      <c r="Z61" s="396"/>
      <c r="AA61" s="204"/>
      <c r="AB61" s="83"/>
      <c r="AC61" s="84"/>
      <c r="AD61" s="85"/>
      <c r="AE61" s="84"/>
      <c r="AF61" s="84"/>
      <c r="AG61" s="109"/>
      <c r="AH61" s="432"/>
      <c r="AI61" s="433"/>
      <c r="AJ61" s="433"/>
      <c r="AK61" s="433"/>
      <c r="AL61" s="433"/>
      <c r="AM61" s="433"/>
      <c r="AN61" s="433"/>
      <c r="AO61" s="433"/>
      <c r="AP61" s="433"/>
      <c r="AQ61" s="433"/>
      <c r="AR61" s="433"/>
      <c r="AS61" s="433"/>
      <c r="AT61" s="433"/>
      <c r="AU61" s="433"/>
      <c r="AV61" s="438"/>
      <c r="AW61" s="425"/>
      <c r="AX61" s="425"/>
      <c r="AY61" s="426"/>
      <c r="AZ61" s="429"/>
      <c r="BA61" s="401"/>
      <c r="BB61" s="401"/>
      <c r="BC61" s="430"/>
      <c r="BD61" s="38"/>
      <c r="BE61" s="368"/>
      <c r="BF61" s="369"/>
      <c r="BG61" s="395"/>
      <c r="BH61" s="204"/>
      <c r="BI61" s="449"/>
      <c r="BJ61" s="450"/>
      <c r="BK61" s="450"/>
      <c r="BL61" s="414"/>
      <c r="BM61" s="414"/>
      <c r="BN61" s="416"/>
      <c r="BO61" s="413"/>
      <c r="BP61" s="414"/>
      <c r="BQ61" s="414"/>
      <c r="BR61" s="414"/>
      <c r="BS61" s="414"/>
      <c r="BT61" s="416"/>
      <c r="BU61" s="413"/>
      <c r="BV61" s="414"/>
      <c r="BW61" s="416"/>
    </row>
    <row r="62" spans="1:77" ht="11.4" customHeight="1">
      <c r="A62" s="78"/>
      <c r="B62" s="353"/>
      <c r="C62" s="354"/>
      <c r="D62" s="355"/>
      <c r="E62" s="205">
        <v>5</v>
      </c>
      <c r="F62" s="198"/>
      <c r="G62" s="198"/>
      <c r="H62" s="391" t="s">
        <v>10</v>
      </c>
      <c r="I62" s="391"/>
      <c r="J62" s="391"/>
      <c r="K62" s="391"/>
      <c r="L62" s="391"/>
      <c r="M62" s="391"/>
      <c r="N62" s="391"/>
      <c r="O62" s="391"/>
      <c r="P62" s="391"/>
      <c r="Q62" s="391"/>
      <c r="R62" s="391"/>
      <c r="S62" s="391"/>
      <c r="T62" s="391"/>
      <c r="U62" s="391"/>
      <c r="V62" s="393"/>
      <c r="W62" s="394"/>
      <c r="X62" s="202"/>
      <c r="Y62" s="393"/>
      <c r="Z62" s="394"/>
      <c r="AA62" s="202"/>
      <c r="AB62" s="105"/>
      <c r="AC62" s="79"/>
      <c r="AD62" s="106"/>
      <c r="AE62" s="397"/>
      <c r="AF62" s="398"/>
      <c r="AG62" s="399"/>
      <c r="AH62" s="472"/>
      <c r="AI62" s="466"/>
      <c r="AJ62" s="466"/>
      <c r="AK62" s="466"/>
      <c r="AL62" s="466"/>
      <c r="AM62" s="466"/>
      <c r="AN62" s="466"/>
      <c r="AO62" s="466"/>
      <c r="AP62" s="466"/>
      <c r="AQ62" s="466"/>
      <c r="AR62" s="466"/>
      <c r="AS62" s="466"/>
      <c r="AT62" s="466"/>
      <c r="AU62" s="466"/>
      <c r="AV62" s="468"/>
      <c r="AW62" s="306"/>
      <c r="AX62" s="306"/>
      <c r="AY62" s="470"/>
      <c r="AZ62" s="427"/>
      <c r="BA62" s="398"/>
      <c r="BB62" s="398"/>
      <c r="BC62" s="428"/>
      <c r="BD62" s="38"/>
      <c r="BE62" s="368"/>
      <c r="BF62" s="369"/>
      <c r="BG62" s="393">
        <v>5</v>
      </c>
      <c r="BH62" s="202"/>
      <c r="BI62" s="411"/>
      <c r="BJ62" s="412"/>
      <c r="BK62" s="412"/>
      <c r="BL62" s="448"/>
      <c r="BM62" s="448"/>
      <c r="BN62" s="464"/>
      <c r="BO62" s="447"/>
      <c r="BP62" s="448"/>
      <c r="BQ62" s="448"/>
      <c r="BR62" s="412"/>
      <c r="BS62" s="412"/>
      <c r="BT62" s="415"/>
      <c r="BU62" s="447"/>
      <c r="BV62" s="448"/>
      <c r="BW62" s="464"/>
    </row>
    <row r="63" spans="1:77" ht="11.4" customHeight="1" thickBot="1">
      <c r="A63" s="78"/>
      <c r="B63" s="356"/>
      <c r="C63" s="357"/>
      <c r="D63" s="358"/>
      <c r="E63" s="207"/>
      <c r="F63" s="200"/>
      <c r="G63" s="200"/>
      <c r="H63" s="392"/>
      <c r="I63" s="392"/>
      <c r="J63" s="392"/>
      <c r="K63" s="392"/>
      <c r="L63" s="392"/>
      <c r="M63" s="392"/>
      <c r="N63" s="392"/>
      <c r="O63" s="392"/>
      <c r="P63" s="392"/>
      <c r="Q63" s="392"/>
      <c r="R63" s="392"/>
      <c r="S63" s="392"/>
      <c r="T63" s="392"/>
      <c r="U63" s="392"/>
      <c r="V63" s="395"/>
      <c r="W63" s="396"/>
      <c r="X63" s="204"/>
      <c r="Y63" s="395"/>
      <c r="Z63" s="396"/>
      <c r="AA63" s="204"/>
      <c r="AB63" s="86"/>
      <c r="AC63" s="82"/>
      <c r="AD63" s="87"/>
      <c r="AE63" s="400"/>
      <c r="AF63" s="401"/>
      <c r="AG63" s="402"/>
      <c r="AH63" s="473"/>
      <c r="AI63" s="467"/>
      <c r="AJ63" s="467"/>
      <c r="AK63" s="467"/>
      <c r="AL63" s="467"/>
      <c r="AM63" s="467"/>
      <c r="AN63" s="467"/>
      <c r="AO63" s="467"/>
      <c r="AP63" s="467"/>
      <c r="AQ63" s="467"/>
      <c r="AR63" s="467"/>
      <c r="AS63" s="467"/>
      <c r="AT63" s="467"/>
      <c r="AU63" s="467"/>
      <c r="AV63" s="469"/>
      <c r="AW63" s="349"/>
      <c r="AX63" s="349"/>
      <c r="AY63" s="471"/>
      <c r="AZ63" s="429"/>
      <c r="BA63" s="401"/>
      <c r="BB63" s="401"/>
      <c r="BC63" s="430"/>
      <c r="BD63" s="42"/>
      <c r="BE63" s="370"/>
      <c r="BF63" s="371"/>
      <c r="BG63" s="395"/>
      <c r="BH63" s="204"/>
      <c r="BI63" s="413"/>
      <c r="BJ63" s="414"/>
      <c r="BK63" s="414"/>
      <c r="BL63" s="450"/>
      <c r="BM63" s="450"/>
      <c r="BN63" s="465"/>
      <c r="BO63" s="449"/>
      <c r="BP63" s="450"/>
      <c r="BQ63" s="450"/>
      <c r="BR63" s="414"/>
      <c r="BS63" s="414"/>
      <c r="BT63" s="416"/>
      <c r="BU63" s="449"/>
      <c r="BV63" s="450"/>
      <c r="BW63" s="465"/>
    </row>
    <row r="64" spans="1:77" s="5" customFormat="1" ht="8.1" customHeight="1" thickTop="1">
      <c r="B64" s="14"/>
      <c r="C64" s="16"/>
      <c r="D64" s="16"/>
      <c r="E64" s="16"/>
      <c r="F64" s="16"/>
      <c r="G64" s="16"/>
      <c r="H64" s="16"/>
      <c r="I64" s="16"/>
      <c r="J64" s="16"/>
      <c r="K64" s="16"/>
      <c r="L64" s="16"/>
      <c r="M64" s="16"/>
      <c r="N64" s="16"/>
      <c r="O64" s="16"/>
      <c r="P64" s="16"/>
      <c r="Q64" s="128"/>
      <c r="R64" s="128"/>
      <c r="S64" s="128"/>
      <c r="T64" s="128"/>
      <c r="U64" s="128"/>
      <c r="V64" s="128"/>
      <c r="W64" s="16"/>
      <c r="X64" s="16"/>
      <c r="Y64" s="16"/>
      <c r="Z64" s="16"/>
      <c r="AA64" s="16"/>
      <c r="AB64" s="16"/>
      <c r="AC64" s="16"/>
      <c r="AD64" s="16"/>
      <c r="AE64" s="16"/>
      <c r="AF64" s="16"/>
      <c r="AG64" s="16"/>
      <c r="AH64" s="16"/>
      <c r="AI64" s="16"/>
      <c r="AJ64" s="16"/>
      <c r="AK64" s="16"/>
      <c r="AL64" s="16"/>
      <c r="AM64" s="16"/>
      <c r="AN64" s="16"/>
      <c r="AO64" s="16"/>
      <c r="AP64" s="16"/>
      <c r="AQ64" s="16"/>
      <c r="AR64" s="16"/>
      <c r="AS64" s="128"/>
      <c r="AT64" s="128"/>
      <c r="AU64" s="128"/>
      <c r="AV64" s="128"/>
      <c r="AW64" s="8"/>
      <c r="AX64" s="8"/>
      <c r="AY64" s="8"/>
      <c r="AZ64" s="8"/>
      <c r="BA64" s="8"/>
      <c r="BB64" s="8"/>
      <c r="BC64" s="8"/>
      <c r="BD64" s="8"/>
      <c r="BE64" s="8"/>
      <c r="BF64" s="8"/>
      <c r="BG64" s="126"/>
      <c r="BH64" s="126"/>
      <c r="BI64" s="148"/>
      <c r="BJ64" s="148"/>
      <c r="BK64" s="148"/>
      <c r="BL64" s="148"/>
      <c r="BM64" s="148"/>
      <c r="BN64" s="148"/>
      <c r="BO64" s="148"/>
      <c r="BP64" s="148"/>
      <c r="BQ64" s="148"/>
      <c r="BR64" s="148"/>
      <c r="BS64" s="148"/>
      <c r="BT64" s="148"/>
      <c r="BU64" s="148"/>
      <c r="BV64" s="148"/>
      <c r="BW64" s="148"/>
      <c r="BY64" s="10"/>
    </row>
    <row r="65" spans="2:84" s="5" customFormat="1" ht="12" customHeight="1">
      <c r="B65" s="454" t="s">
        <v>85</v>
      </c>
      <c r="C65" s="455"/>
      <c r="D65" s="455"/>
      <c r="E65" s="455"/>
      <c r="F65" s="455"/>
      <c r="G65" s="455"/>
      <c r="H65" s="455"/>
      <c r="I65" s="456"/>
      <c r="J65" s="477" t="s">
        <v>101</v>
      </c>
      <c r="K65" s="462"/>
      <c r="L65" s="462"/>
      <c r="M65" s="462"/>
      <c r="N65" s="462"/>
      <c r="O65" s="462"/>
      <c r="P65" s="462"/>
      <c r="Q65" s="462"/>
      <c r="R65" s="462"/>
      <c r="S65" s="462"/>
      <c r="T65" s="462"/>
      <c r="U65" s="462" t="s">
        <v>102</v>
      </c>
      <c r="V65" s="462"/>
      <c r="W65" s="462"/>
      <c r="X65" s="462"/>
      <c r="Y65" s="462"/>
      <c r="Z65" s="462"/>
      <c r="AA65" s="462"/>
      <c r="AB65" s="462"/>
      <c r="AC65" s="462"/>
      <c r="AD65" s="462"/>
      <c r="AE65" s="462"/>
      <c r="AF65" s="462" t="s">
        <v>103</v>
      </c>
      <c r="AG65" s="462"/>
      <c r="AH65" s="462"/>
      <c r="AI65" s="462"/>
      <c r="AJ65" s="462"/>
      <c r="AK65" s="462"/>
      <c r="AL65" s="462"/>
      <c r="AM65" s="462"/>
      <c r="AN65" s="462"/>
      <c r="AO65" s="462"/>
      <c r="AP65" s="462"/>
      <c r="AQ65" s="462" t="s">
        <v>104</v>
      </c>
      <c r="AR65" s="462"/>
      <c r="AS65" s="462"/>
      <c r="AT65" s="462"/>
      <c r="AU65" s="462"/>
      <c r="AV65" s="462"/>
      <c r="AW65" s="462"/>
      <c r="AX65" s="462"/>
      <c r="AY65" s="462"/>
      <c r="AZ65" s="462"/>
      <c r="BA65" s="462"/>
      <c r="BB65" s="462" t="s">
        <v>105</v>
      </c>
      <c r="BC65" s="462"/>
      <c r="BD65" s="462"/>
      <c r="BE65" s="462"/>
      <c r="BF65" s="462"/>
      <c r="BG65" s="462"/>
      <c r="BH65" s="462"/>
      <c r="BI65" s="462"/>
      <c r="BJ65" s="462"/>
      <c r="BK65" s="462"/>
      <c r="BL65" s="463"/>
      <c r="BM65" s="292" t="s">
        <v>132</v>
      </c>
      <c r="BN65" s="293"/>
      <c r="BO65" s="293"/>
      <c r="BP65" s="293"/>
      <c r="BQ65" s="293"/>
      <c r="BR65" s="294"/>
      <c r="BS65" s="8"/>
      <c r="BT65" s="8"/>
      <c r="BU65" s="8"/>
      <c r="BV65" s="8"/>
      <c r="BW65" s="8"/>
      <c r="BX65" s="8"/>
      <c r="BY65" s="8"/>
      <c r="BZ65" s="8"/>
      <c r="CA65" s="8"/>
      <c r="CB65" s="8"/>
      <c r="CC65" s="8"/>
      <c r="CD65" s="8"/>
      <c r="CF65" s="10"/>
    </row>
    <row r="66" spans="2:84" s="5" customFormat="1" ht="12" customHeight="1">
      <c r="B66" s="457"/>
      <c r="C66" s="458"/>
      <c r="D66" s="458"/>
      <c r="E66" s="458"/>
      <c r="F66" s="458"/>
      <c r="G66" s="458"/>
      <c r="H66" s="458"/>
      <c r="I66" s="459"/>
      <c r="J66" s="478"/>
      <c r="K66" s="458"/>
      <c r="L66" s="458"/>
      <c r="M66" s="458"/>
      <c r="N66" s="458"/>
      <c r="O66" s="458"/>
      <c r="P66" s="458"/>
      <c r="Q66" s="458"/>
      <c r="R66" s="458"/>
      <c r="S66" s="458"/>
      <c r="T66" s="458"/>
      <c r="U66" s="458"/>
      <c r="V66" s="458"/>
      <c r="W66" s="458"/>
      <c r="X66" s="458"/>
      <c r="Y66" s="458"/>
      <c r="Z66" s="458"/>
      <c r="AA66" s="458"/>
      <c r="AB66" s="458"/>
      <c r="AC66" s="458"/>
      <c r="AD66" s="458"/>
      <c r="AE66" s="458"/>
      <c r="AF66" s="458"/>
      <c r="AG66" s="458"/>
      <c r="AH66" s="458"/>
      <c r="AI66" s="458"/>
      <c r="AJ66" s="458"/>
      <c r="AK66" s="458"/>
      <c r="AL66" s="458"/>
      <c r="AM66" s="458"/>
      <c r="AN66" s="458"/>
      <c r="AO66" s="458"/>
      <c r="AP66" s="458"/>
      <c r="AQ66" s="458"/>
      <c r="AR66" s="458"/>
      <c r="AS66" s="458"/>
      <c r="AT66" s="458"/>
      <c r="AU66" s="458"/>
      <c r="AV66" s="458"/>
      <c r="AW66" s="458"/>
      <c r="AX66" s="458"/>
      <c r="AY66" s="458"/>
      <c r="AZ66" s="458"/>
      <c r="BA66" s="458"/>
      <c r="BB66" s="458"/>
      <c r="BC66" s="458"/>
      <c r="BD66" s="458"/>
      <c r="BE66" s="458"/>
      <c r="BF66" s="458"/>
      <c r="BG66" s="458"/>
      <c r="BH66" s="458"/>
      <c r="BI66" s="458"/>
      <c r="BJ66" s="458"/>
      <c r="BK66" s="458"/>
      <c r="BL66" s="479"/>
      <c r="BM66" s="474"/>
      <c r="BN66" s="475"/>
      <c r="BO66" s="475"/>
      <c r="BP66" s="475"/>
      <c r="BQ66" s="475"/>
      <c r="BR66" s="476"/>
      <c r="BS66" s="8"/>
      <c r="BT66" s="8"/>
      <c r="BU66" s="8"/>
      <c r="BV66" s="8"/>
      <c r="BW66" s="8"/>
      <c r="BX66" s="8"/>
      <c r="BY66" s="8"/>
      <c r="BZ66" s="8"/>
      <c r="CA66" s="8"/>
      <c r="CB66" s="8"/>
      <c r="CC66" s="8"/>
      <c r="CD66" s="8"/>
      <c r="CF66" s="10"/>
    </row>
    <row r="67" spans="2:84" s="5" customFormat="1" ht="6.9" customHeight="1">
      <c r="B67" s="14"/>
      <c r="C67" s="16"/>
      <c r="D67" s="16"/>
      <c r="E67" s="16"/>
      <c r="F67" s="16"/>
      <c r="G67" s="16"/>
      <c r="H67" s="16"/>
      <c r="I67" s="16"/>
      <c r="J67" s="16"/>
      <c r="K67" s="16"/>
      <c r="L67" s="16"/>
      <c r="M67" s="16"/>
      <c r="N67" s="16"/>
      <c r="O67" s="16"/>
      <c r="P67" s="16"/>
      <c r="Q67" s="128"/>
      <c r="R67" s="128"/>
      <c r="S67" s="128"/>
      <c r="T67" s="128"/>
      <c r="U67" s="128"/>
      <c r="V67" s="128"/>
      <c r="W67" s="16"/>
      <c r="X67" s="16"/>
      <c r="Y67" s="16"/>
      <c r="Z67" s="16"/>
      <c r="AA67" s="16"/>
      <c r="AB67" s="16"/>
      <c r="AC67" s="16"/>
      <c r="AD67" s="16"/>
      <c r="AE67" s="16"/>
      <c r="AF67" s="16"/>
      <c r="AG67" s="16"/>
      <c r="AH67" s="16"/>
      <c r="AI67" s="16"/>
      <c r="AJ67" s="16"/>
      <c r="AK67" s="16"/>
      <c r="AL67" s="16"/>
      <c r="AM67" s="16"/>
      <c r="AN67" s="16"/>
      <c r="AO67" s="16"/>
      <c r="AP67" s="16"/>
      <c r="AQ67" s="16"/>
      <c r="AR67" s="16"/>
      <c r="AS67" s="128"/>
      <c r="AT67" s="128"/>
      <c r="AU67" s="128"/>
      <c r="AV67" s="128"/>
      <c r="AW67" s="8"/>
      <c r="AX67" s="8"/>
      <c r="AY67" s="8"/>
      <c r="AZ67" s="8"/>
      <c r="BA67" s="8"/>
      <c r="BB67" s="8"/>
      <c r="BC67" s="8"/>
      <c r="BD67" s="8"/>
      <c r="BE67" s="8"/>
      <c r="BF67" s="8"/>
      <c r="BG67" s="127"/>
      <c r="BH67" s="127"/>
      <c r="BI67" s="8"/>
      <c r="BJ67" s="8"/>
      <c r="BK67" s="8"/>
      <c r="BL67" s="8"/>
      <c r="BM67" s="8"/>
      <c r="BN67" s="8"/>
      <c r="BO67" s="8"/>
      <c r="BP67" s="8"/>
      <c r="BQ67" s="8"/>
      <c r="BR67" s="8"/>
      <c r="BS67" s="8"/>
      <c r="BT67" s="8"/>
      <c r="BU67" s="8"/>
      <c r="BV67" s="8"/>
      <c r="BW67" s="8"/>
      <c r="BY67" s="10"/>
    </row>
    <row r="68" spans="2:84" s="5" customFormat="1" ht="11.4" customHeight="1">
      <c r="B68" s="129"/>
      <c r="C68" s="57" t="s">
        <v>87</v>
      </c>
      <c r="D68" s="57"/>
      <c r="E68" s="57"/>
      <c r="F68" s="57"/>
      <c r="G68" s="57"/>
      <c r="H68" s="57"/>
      <c r="I68" s="57"/>
      <c r="J68" s="57"/>
      <c r="K68" s="57"/>
      <c r="L68" s="57"/>
      <c r="M68" s="57"/>
      <c r="N68" s="57"/>
      <c r="O68" s="57"/>
      <c r="P68" s="57"/>
      <c r="Q68" s="130"/>
      <c r="R68" s="130"/>
      <c r="S68" s="130"/>
      <c r="T68" s="130"/>
      <c r="U68" s="130"/>
      <c r="V68" s="130"/>
      <c r="W68" s="57"/>
      <c r="X68" s="57"/>
      <c r="Y68" s="57"/>
      <c r="Z68" s="57"/>
      <c r="AA68" s="57"/>
      <c r="AB68" s="57"/>
      <c r="AC68" s="57"/>
      <c r="AD68" s="57"/>
      <c r="AE68" s="57"/>
      <c r="AF68" s="57"/>
      <c r="AG68" s="57"/>
      <c r="AH68" s="57"/>
      <c r="AI68" s="57"/>
      <c r="AJ68" s="57"/>
      <c r="AK68" s="57"/>
      <c r="AL68" s="57"/>
      <c r="AM68" s="57"/>
      <c r="AN68" s="57"/>
      <c r="AO68" s="57"/>
      <c r="AP68" s="57"/>
      <c r="AQ68" s="57"/>
      <c r="AR68" s="57"/>
      <c r="AS68" s="130"/>
      <c r="AT68" s="130"/>
      <c r="AU68" s="130"/>
      <c r="AV68" s="130"/>
      <c r="AW68" s="122"/>
      <c r="AX68" s="122"/>
      <c r="AY68" s="122"/>
      <c r="AZ68" s="122"/>
      <c r="BA68" s="122"/>
      <c r="BB68" s="122"/>
      <c r="BC68" s="122"/>
      <c r="BD68" s="122"/>
      <c r="BE68" s="122"/>
      <c r="BF68" s="122"/>
      <c r="BG68" s="171"/>
      <c r="BH68" s="171"/>
      <c r="BI68" s="171"/>
      <c r="BJ68" s="122"/>
      <c r="BK68" s="122"/>
      <c r="BL68" s="122"/>
      <c r="BM68" s="122"/>
      <c r="BN68" s="122"/>
      <c r="BO68" s="122"/>
      <c r="BP68" s="122"/>
      <c r="BQ68" s="91"/>
      <c r="BR68" s="91"/>
      <c r="BS68" s="91"/>
      <c r="BT68" s="91"/>
      <c r="BU68" s="91"/>
      <c r="BV68" s="91"/>
      <c r="BW68" s="172"/>
      <c r="BY68" s="10"/>
    </row>
    <row r="69" spans="2:84" s="5" customFormat="1" ht="11.4" customHeight="1">
      <c r="B69" s="52"/>
      <c r="C69" s="16"/>
      <c r="D69" s="16"/>
      <c r="E69" s="16"/>
      <c r="F69" s="16"/>
      <c r="G69" s="16"/>
      <c r="H69" s="16"/>
      <c r="I69" s="16"/>
      <c r="J69" s="16"/>
      <c r="K69" s="16"/>
      <c r="L69" s="16"/>
      <c r="M69" s="16"/>
      <c r="N69" s="16"/>
      <c r="O69" s="16"/>
      <c r="P69" s="16"/>
      <c r="Q69" s="128"/>
      <c r="R69" s="128"/>
      <c r="S69" s="128"/>
      <c r="T69" s="128"/>
      <c r="U69" s="128"/>
      <c r="V69" s="128"/>
      <c r="W69" s="16"/>
      <c r="X69" s="16"/>
      <c r="Y69" s="16"/>
      <c r="Z69" s="16"/>
      <c r="AA69" s="16"/>
      <c r="AB69" s="16"/>
      <c r="AC69" s="16"/>
      <c r="AD69" s="16"/>
      <c r="AE69" s="16"/>
      <c r="AF69" s="16"/>
      <c r="AG69" s="16"/>
      <c r="AH69" s="16"/>
      <c r="AI69" s="16"/>
      <c r="AJ69" s="16"/>
      <c r="AK69" s="16"/>
      <c r="AL69" s="16"/>
      <c r="AM69" s="16"/>
      <c r="AN69" s="16"/>
      <c r="AO69" s="16"/>
      <c r="AP69" s="16"/>
      <c r="AQ69" s="16"/>
      <c r="AR69" s="16"/>
      <c r="AS69" s="128"/>
      <c r="AT69" s="128"/>
      <c r="AU69" s="128"/>
      <c r="AV69" s="128"/>
      <c r="AW69" s="8"/>
      <c r="AX69" s="8"/>
      <c r="AY69" s="8"/>
      <c r="AZ69" s="8"/>
      <c r="BA69" s="8"/>
      <c r="BB69" s="8"/>
      <c r="BC69" s="8"/>
      <c r="BD69" s="8"/>
      <c r="BE69" s="8"/>
      <c r="BF69" s="8"/>
      <c r="BG69" s="170"/>
      <c r="BH69" s="170"/>
      <c r="BI69" s="170"/>
      <c r="BJ69" s="8"/>
      <c r="BK69" s="8"/>
      <c r="BL69" s="8"/>
      <c r="BM69" s="8"/>
      <c r="BN69" s="8"/>
      <c r="BO69" s="8"/>
      <c r="BP69" s="8"/>
      <c r="BQ69" s="46"/>
      <c r="BR69" s="46"/>
      <c r="BS69" s="46"/>
      <c r="BT69" s="46"/>
      <c r="BU69" s="46"/>
      <c r="BV69" s="46"/>
      <c r="BW69" s="173"/>
      <c r="BY69" s="10"/>
    </row>
    <row r="70" spans="2:84" s="5" customFormat="1" ht="11.4" customHeight="1">
      <c r="B70" s="52"/>
      <c r="C70" s="16"/>
      <c r="D70" s="16"/>
      <c r="E70" s="16"/>
      <c r="F70" s="16"/>
      <c r="G70" s="16"/>
      <c r="H70" s="16"/>
      <c r="I70" s="16"/>
      <c r="J70" s="16"/>
      <c r="K70" s="16"/>
      <c r="L70" s="16"/>
      <c r="M70" s="16"/>
      <c r="N70" s="16"/>
      <c r="O70" s="16"/>
      <c r="P70" s="16"/>
      <c r="Q70" s="128"/>
      <c r="R70" s="128"/>
      <c r="S70" s="128"/>
      <c r="T70" s="128"/>
      <c r="U70" s="128"/>
      <c r="V70" s="128"/>
      <c r="W70" s="16"/>
      <c r="X70" s="16"/>
      <c r="Y70" s="16"/>
      <c r="Z70" s="16"/>
      <c r="AA70" s="16"/>
      <c r="AB70" s="16"/>
      <c r="AC70" s="16"/>
      <c r="AD70" s="16"/>
      <c r="AE70" s="16"/>
      <c r="AF70" s="16"/>
      <c r="AG70" s="16"/>
      <c r="AH70" s="16"/>
      <c r="AI70" s="16"/>
      <c r="AJ70" s="16"/>
      <c r="AK70" s="16"/>
      <c r="AL70" s="16"/>
      <c r="AM70" s="16"/>
      <c r="AN70" s="16"/>
      <c r="AO70" s="16"/>
      <c r="AP70" s="16"/>
      <c r="AQ70" s="16"/>
      <c r="AR70" s="16"/>
      <c r="AS70" s="128"/>
      <c r="AT70" s="128"/>
      <c r="AU70" s="128"/>
      <c r="AV70" s="128"/>
      <c r="AW70" s="8"/>
      <c r="AX70" s="8"/>
      <c r="AY70" s="8"/>
      <c r="AZ70" s="8"/>
      <c r="BA70" s="8"/>
      <c r="BB70" s="8"/>
      <c r="BC70" s="8"/>
      <c r="BD70" s="8"/>
      <c r="BE70" s="8"/>
      <c r="BF70" s="8"/>
      <c r="BG70" s="170"/>
      <c r="BH70" s="170"/>
      <c r="BI70" s="170"/>
      <c r="BJ70" s="8"/>
      <c r="BK70" s="8"/>
      <c r="BL70" s="8"/>
      <c r="BM70" s="8"/>
      <c r="BN70" s="8"/>
      <c r="BO70" s="8"/>
      <c r="BP70" s="8"/>
      <c r="BQ70" s="46"/>
      <c r="BR70" s="46"/>
      <c r="BS70" s="46"/>
      <c r="BT70" s="46"/>
      <c r="BU70" s="46"/>
      <c r="BV70" s="46"/>
      <c r="BW70" s="173"/>
      <c r="BY70" s="10"/>
    </row>
    <row r="71" spans="2:84" s="5" customFormat="1" ht="11.4" customHeight="1">
      <c r="B71" s="55"/>
      <c r="C71" s="56"/>
      <c r="D71" s="56"/>
      <c r="E71" s="56"/>
      <c r="F71" s="56"/>
      <c r="G71" s="56"/>
      <c r="H71" s="56"/>
      <c r="I71" s="56"/>
      <c r="J71" s="56"/>
      <c r="K71" s="56"/>
      <c r="L71" s="56"/>
      <c r="M71" s="56"/>
      <c r="N71" s="56"/>
      <c r="O71" s="56"/>
      <c r="P71" s="56"/>
      <c r="Q71" s="56"/>
      <c r="R71" s="56"/>
      <c r="S71" s="56"/>
      <c r="T71" s="56"/>
      <c r="U71" s="56"/>
      <c r="V71" s="56"/>
      <c r="W71" s="56"/>
      <c r="X71" s="56"/>
      <c r="Y71" s="56"/>
      <c r="Z71" s="56"/>
      <c r="AA71" s="56"/>
      <c r="AB71" s="56"/>
      <c r="AC71" s="56"/>
      <c r="AD71" s="56"/>
      <c r="AE71" s="56"/>
      <c r="AF71" s="56"/>
      <c r="AG71" s="56"/>
      <c r="AH71" s="56"/>
      <c r="AI71" s="56"/>
      <c r="AJ71" s="56"/>
      <c r="AK71" s="56"/>
      <c r="AL71" s="56"/>
      <c r="AM71" s="56"/>
      <c r="AN71" s="56"/>
      <c r="AO71" s="56"/>
      <c r="AP71" s="56"/>
      <c r="AQ71" s="56"/>
      <c r="AR71" s="56"/>
      <c r="AS71" s="56"/>
      <c r="AT71" s="56"/>
      <c r="AU71" s="56"/>
      <c r="AV71" s="56"/>
      <c r="AW71" s="56"/>
      <c r="AX71" s="56"/>
      <c r="AY71" s="56"/>
      <c r="AZ71" s="56"/>
      <c r="BA71" s="56"/>
      <c r="BB71" s="56"/>
      <c r="BC71" s="56"/>
      <c r="BD71" s="56"/>
      <c r="BE71" s="56"/>
      <c r="BF71" s="56"/>
      <c r="BG71" s="174"/>
      <c r="BH71" s="174"/>
      <c r="BI71" s="174"/>
      <c r="BJ71" s="175"/>
      <c r="BK71" s="175"/>
      <c r="BL71" s="175"/>
      <c r="BM71" s="175"/>
      <c r="BN71" s="175"/>
      <c r="BO71" s="175"/>
      <c r="BP71" s="175"/>
      <c r="BQ71" s="175"/>
      <c r="BR71" s="175"/>
      <c r="BS71" s="175"/>
      <c r="BT71" s="175"/>
      <c r="BU71" s="175"/>
      <c r="BV71" s="175"/>
      <c r="BW71" s="176"/>
    </row>
    <row r="72" spans="2:84" s="5" customFormat="1" ht="6.9" customHeight="1">
      <c r="B72" s="14"/>
      <c r="C72" s="14"/>
      <c r="D72" s="14"/>
      <c r="E72" s="14"/>
      <c r="F72" s="14"/>
      <c r="G72" s="14"/>
      <c r="H72" s="14"/>
      <c r="I72" s="14"/>
      <c r="J72" s="14"/>
      <c r="K72" s="14"/>
      <c r="L72" s="14"/>
      <c r="M72" s="14"/>
      <c r="N72" s="14"/>
      <c r="O72" s="14"/>
      <c r="P72" s="14"/>
      <c r="Q72" s="14"/>
      <c r="R72" s="14"/>
      <c r="S72" s="14"/>
      <c r="T72" s="14"/>
      <c r="U72" s="14"/>
      <c r="V72" s="14"/>
      <c r="W72" s="14"/>
      <c r="X72" s="14"/>
      <c r="Y72" s="14"/>
      <c r="Z72" s="14"/>
      <c r="AA72" s="14"/>
      <c r="AB72" s="14"/>
      <c r="AC72" s="14"/>
      <c r="AD72" s="14"/>
      <c r="AE72" s="14"/>
      <c r="AF72" s="14"/>
      <c r="AG72" s="14"/>
      <c r="AH72" s="14"/>
      <c r="AI72" s="14"/>
      <c r="AJ72" s="14"/>
      <c r="AK72" s="14"/>
      <c r="AL72" s="14"/>
      <c r="AM72" s="14"/>
      <c r="AN72" s="14"/>
      <c r="AO72" s="14"/>
      <c r="AP72" s="14"/>
      <c r="AQ72" s="14"/>
      <c r="AR72" s="14"/>
      <c r="AS72" s="14"/>
      <c r="AT72" s="14"/>
      <c r="AU72" s="14"/>
      <c r="AV72" s="14"/>
      <c r="AW72" s="14"/>
      <c r="AX72" s="14"/>
      <c r="AY72" s="14"/>
      <c r="AZ72" s="14"/>
      <c r="BA72" s="14"/>
      <c r="BB72" s="14"/>
      <c r="BC72" s="14"/>
      <c r="BD72" s="14"/>
      <c r="BE72" s="14"/>
      <c r="BF72" s="14"/>
      <c r="BG72" s="127"/>
      <c r="BH72" s="127"/>
      <c r="BI72" s="8"/>
      <c r="BJ72" s="8"/>
      <c r="BK72" s="8"/>
      <c r="BL72" s="14"/>
      <c r="BM72" s="14"/>
      <c r="BN72" s="14"/>
      <c r="BO72" s="14"/>
      <c r="BP72" s="14"/>
      <c r="BQ72" s="14"/>
      <c r="BR72" s="14"/>
      <c r="BS72" s="14"/>
      <c r="BT72" s="14"/>
      <c r="BU72" s="14"/>
      <c r="BV72" s="14"/>
      <c r="BW72" s="14"/>
    </row>
    <row r="73" spans="2:84" s="5" customFormat="1" ht="11.4" customHeight="1">
      <c r="B73" s="14" t="s">
        <v>80</v>
      </c>
      <c r="C73" s="14"/>
      <c r="D73" s="14" t="s">
        <v>121</v>
      </c>
      <c r="E73" s="14"/>
      <c r="F73" s="14"/>
      <c r="G73" s="14"/>
      <c r="H73" s="14"/>
      <c r="I73" s="14"/>
      <c r="J73" s="14"/>
      <c r="K73" s="14"/>
      <c r="L73" s="14"/>
      <c r="M73" s="14"/>
      <c r="N73" s="14"/>
      <c r="O73" s="14"/>
      <c r="P73" s="14"/>
      <c r="Q73" s="14"/>
      <c r="R73" s="14"/>
      <c r="S73" s="14"/>
      <c r="T73" s="14"/>
      <c r="U73" s="14"/>
      <c r="V73" s="14"/>
      <c r="W73" s="14"/>
      <c r="X73" s="14"/>
      <c r="Y73" s="14"/>
      <c r="Z73" s="14"/>
      <c r="AA73" s="14"/>
      <c r="AB73" s="14"/>
      <c r="AC73" s="14"/>
      <c r="AD73" s="14"/>
      <c r="AE73" s="14"/>
      <c r="AF73" s="14"/>
      <c r="AG73" s="14"/>
      <c r="AH73" s="14"/>
      <c r="AI73" s="14"/>
      <c r="AJ73" s="14"/>
      <c r="AK73" s="14"/>
      <c r="AL73" s="14"/>
      <c r="AM73" s="14"/>
      <c r="AN73" s="14"/>
      <c r="AO73" s="54"/>
      <c r="AP73" s="14"/>
      <c r="AQ73" s="14"/>
      <c r="AR73" s="14"/>
      <c r="AS73" s="14"/>
      <c r="AT73" s="14"/>
      <c r="AU73" s="14"/>
      <c r="AV73" s="14"/>
      <c r="AW73" s="14"/>
      <c r="AX73" s="14"/>
      <c r="AY73" s="14"/>
      <c r="AZ73" s="14"/>
      <c r="BA73" s="14"/>
      <c r="BB73" s="14"/>
      <c r="BC73" s="14"/>
      <c r="BD73" s="14"/>
      <c r="BE73" s="14"/>
      <c r="BF73" s="14"/>
      <c r="BG73" s="14"/>
      <c r="BH73" s="14"/>
      <c r="BJ73" s="460"/>
      <c r="BK73" s="460"/>
      <c r="BL73" s="460"/>
      <c r="BM73" s="460"/>
      <c r="BN73" s="460" t="s">
        <v>44</v>
      </c>
      <c r="BO73" s="460"/>
      <c r="BP73" s="460"/>
      <c r="BQ73" s="460"/>
      <c r="BR73" s="460"/>
      <c r="BS73" s="460"/>
      <c r="BT73" s="460"/>
      <c r="BU73" s="460" t="s">
        <v>45</v>
      </c>
      <c r="BV73" s="460"/>
      <c r="BW73" s="460"/>
    </row>
    <row r="74" spans="2:84" s="5" customFormat="1" ht="11.4" customHeight="1">
      <c r="B74" s="14"/>
      <c r="C74" s="14"/>
      <c r="D74" s="59" t="s">
        <v>81</v>
      </c>
      <c r="E74" s="14"/>
      <c r="F74" s="14"/>
      <c r="G74" s="14"/>
      <c r="H74" s="14"/>
      <c r="I74" s="14"/>
      <c r="J74" s="14"/>
      <c r="K74" s="14"/>
      <c r="L74" s="14"/>
      <c r="M74" s="14"/>
      <c r="N74" s="14"/>
      <c r="O74" s="14"/>
      <c r="P74" s="14"/>
      <c r="Q74" s="14"/>
      <c r="R74" s="14"/>
      <c r="S74" s="14"/>
      <c r="T74" s="14"/>
      <c r="U74" s="14"/>
      <c r="V74" s="14"/>
      <c r="W74" s="14"/>
      <c r="X74" s="14"/>
      <c r="Y74" s="14"/>
      <c r="Z74" s="14"/>
      <c r="AA74" s="14"/>
      <c r="AB74" s="14"/>
      <c r="AC74" s="14"/>
      <c r="AD74" s="14"/>
      <c r="AE74" s="14"/>
      <c r="AF74" s="14"/>
      <c r="AG74" s="14"/>
      <c r="AH74" s="14"/>
      <c r="AI74" s="14"/>
      <c r="AJ74" s="14"/>
      <c r="AK74" s="14"/>
      <c r="AL74" s="14"/>
      <c r="AM74" s="14"/>
      <c r="AN74" s="14"/>
      <c r="AO74" s="54"/>
      <c r="AP74" s="14"/>
      <c r="AQ74" s="14"/>
      <c r="AR74" s="14"/>
      <c r="AS74" s="14"/>
      <c r="AT74" s="14"/>
      <c r="AU74" s="14"/>
      <c r="AV74" s="14"/>
      <c r="AW74" s="14"/>
      <c r="AX74" s="14"/>
      <c r="AY74" s="14"/>
      <c r="AZ74" s="14"/>
      <c r="BA74" s="14"/>
      <c r="BB74" s="14"/>
      <c r="BC74" s="14"/>
      <c r="BD74" s="14"/>
      <c r="BE74" s="14"/>
      <c r="BF74" s="14"/>
      <c r="BG74" s="14"/>
      <c r="BH74" s="14"/>
      <c r="BJ74" s="461"/>
      <c r="BK74" s="461"/>
      <c r="BL74" s="461"/>
      <c r="BM74" s="461"/>
      <c r="BN74" s="461"/>
      <c r="BO74" s="461"/>
      <c r="BP74" s="461"/>
      <c r="BQ74" s="461"/>
      <c r="BR74" s="461"/>
      <c r="BS74" s="461"/>
      <c r="BT74" s="461"/>
      <c r="BU74" s="461"/>
      <c r="BV74" s="461"/>
      <c r="BW74" s="461"/>
    </row>
    <row r="75" spans="2:84" s="5" customFormat="1" ht="11.4" customHeight="1">
      <c r="B75" s="14"/>
      <c r="C75" s="14"/>
      <c r="D75" s="14"/>
      <c r="E75" s="14"/>
      <c r="F75" s="14"/>
      <c r="G75" s="14"/>
      <c r="H75" s="14"/>
      <c r="I75" s="14"/>
      <c r="J75" s="14"/>
      <c r="K75" s="14"/>
      <c r="L75" s="14"/>
      <c r="M75" s="14"/>
      <c r="N75" s="14"/>
      <c r="O75" s="14"/>
      <c r="P75" s="14"/>
      <c r="Q75" s="14"/>
      <c r="R75" s="14"/>
      <c r="S75" s="14"/>
      <c r="T75" s="14"/>
      <c r="U75" s="14"/>
      <c r="V75" s="14"/>
      <c r="W75" s="14"/>
      <c r="X75" s="14"/>
      <c r="Y75" s="14"/>
      <c r="Z75" s="14"/>
      <c r="AA75" s="14"/>
      <c r="AB75" s="14"/>
      <c r="AC75" s="14"/>
      <c r="AD75" s="14"/>
      <c r="AE75" s="14"/>
      <c r="AF75" s="14"/>
      <c r="AG75" s="14"/>
      <c r="AH75" s="14"/>
      <c r="AI75" s="14"/>
      <c r="AJ75" s="14"/>
      <c r="AK75" s="14"/>
      <c r="AL75" s="14"/>
      <c r="AM75" s="14"/>
      <c r="AN75" s="14"/>
      <c r="AO75" s="14"/>
      <c r="AP75" s="14"/>
      <c r="AQ75" s="14"/>
      <c r="AR75" s="14"/>
      <c r="AS75" s="14"/>
      <c r="AT75" s="14"/>
      <c r="AU75" s="14"/>
      <c r="AV75" s="14"/>
      <c r="AW75" s="14"/>
      <c r="AX75" s="14"/>
      <c r="AY75" s="14"/>
      <c r="AZ75" s="14"/>
      <c r="BA75" s="14"/>
      <c r="BB75" s="14"/>
      <c r="BC75" s="14"/>
      <c r="BD75" s="14"/>
      <c r="BE75" s="14"/>
      <c r="BF75" s="14"/>
      <c r="BG75" s="14"/>
      <c r="BH75" s="14"/>
    </row>
  </sheetData>
  <mergeCells count="609">
    <mergeCell ref="BM65:BR65"/>
    <mergeCell ref="BM66:BR66"/>
    <mergeCell ref="AQ65:BA65"/>
    <mergeCell ref="AF65:AP65"/>
    <mergeCell ref="J65:T65"/>
    <mergeCell ref="U65:AE65"/>
    <mergeCell ref="J66:T66"/>
    <mergeCell ref="U66:AE66"/>
    <mergeCell ref="AF66:AP66"/>
    <mergeCell ref="AQ66:BA66"/>
    <mergeCell ref="BB66:BL66"/>
    <mergeCell ref="B65:I66"/>
    <mergeCell ref="BJ73:BM74"/>
    <mergeCell ref="BN73:BP74"/>
    <mergeCell ref="BQ73:BT74"/>
    <mergeCell ref="BU73:BW74"/>
    <mergeCell ref="BB65:BL65"/>
    <mergeCell ref="BG62:BH63"/>
    <mergeCell ref="BI62:BK63"/>
    <mergeCell ref="BL62:BN63"/>
    <mergeCell ref="BO62:BQ63"/>
    <mergeCell ref="BR62:BT63"/>
    <mergeCell ref="BU62:BW63"/>
    <mergeCell ref="AK62:AM63"/>
    <mergeCell ref="AN62:AP63"/>
    <mergeCell ref="AQ62:AS63"/>
    <mergeCell ref="AT62:AV63"/>
    <mergeCell ref="AW62:AY63"/>
    <mergeCell ref="AZ62:BC63"/>
    <mergeCell ref="E62:G63"/>
    <mergeCell ref="H62:U63"/>
    <mergeCell ref="V62:X63"/>
    <mergeCell ref="Y62:AA63"/>
    <mergeCell ref="AE62:AG63"/>
    <mergeCell ref="AH62:AJ63"/>
    <mergeCell ref="BL60:BN61"/>
    <mergeCell ref="BO60:BQ61"/>
    <mergeCell ref="BR60:BT61"/>
    <mergeCell ref="BU60:BW61"/>
    <mergeCell ref="AK60:AM61"/>
    <mergeCell ref="AN60:AP61"/>
    <mergeCell ref="AQ60:AS61"/>
    <mergeCell ref="AT60:AV61"/>
    <mergeCell ref="AW60:AY61"/>
    <mergeCell ref="AZ60:BC61"/>
    <mergeCell ref="BI58:BK59"/>
    <mergeCell ref="BL58:BN59"/>
    <mergeCell ref="BO58:BQ59"/>
    <mergeCell ref="BR58:BT59"/>
    <mergeCell ref="BU58:BW59"/>
    <mergeCell ref="E60:G61"/>
    <mergeCell ref="H60:U61"/>
    <mergeCell ref="V60:X61"/>
    <mergeCell ref="Y60:AA61"/>
    <mergeCell ref="AH60:AJ61"/>
    <mergeCell ref="AN58:AP59"/>
    <mergeCell ref="AQ58:AS59"/>
    <mergeCell ref="AT58:AV59"/>
    <mergeCell ref="AW58:AY59"/>
    <mergeCell ref="AZ58:BC59"/>
    <mergeCell ref="BG58:BH59"/>
    <mergeCell ref="E58:G59"/>
    <mergeCell ref="H58:U59"/>
    <mergeCell ref="V58:X59"/>
    <mergeCell ref="Y58:AA59"/>
    <mergeCell ref="AH58:AJ59"/>
    <mergeCell ref="AK58:AM59"/>
    <mergeCell ref="BG60:BH61"/>
    <mergeCell ref="BI60:BK61"/>
    <mergeCell ref="BO56:BQ57"/>
    <mergeCell ref="BR56:BT57"/>
    <mergeCell ref="BU56:BW57"/>
    <mergeCell ref="AK56:AM57"/>
    <mergeCell ref="AN56:AP57"/>
    <mergeCell ref="AQ56:AS57"/>
    <mergeCell ref="AT56:AV57"/>
    <mergeCell ref="AW56:AY57"/>
    <mergeCell ref="AZ56:BC57"/>
    <mergeCell ref="AH56:AJ57"/>
    <mergeCell ref="BG54:BH55"/>
    <mergeCell ref="BI54:BK55"/>
    <mergeCell ref="BL54:BN55"/>
    <mergeCell ref="E54:G55"/>
    <mergeCell ref="H54:U55"/>
    <mergeCell ref="V54:X55"/>
    <mergeCell ref="AB54:AD55"/>
    <mergeCell ref="AE54:AG55"/>
    <mergeCell ref="AH54:AJ55"/>
    <mergeCell ref="BG56:BH57"/>
    <mergeCell ref="BI56:BK57"/>
    <mergeCell ref="BL56:BN57"/>
    <mergeCell ref="BO54:BQ55"/>
    <mergeCell ref="BR54:BT55"/>
    <mergeCell ref="BU54:BW55"/>
    <mergeCell ref="AK54:AM55"/>
    <mergeCell ref="AN54:AP55"/>
    <mergeCell ref="AQ54:AS55"/>
    <mergeCell ref="AT54:AV55"/>
    <mergeCell ref="AW54:AY55"/>
    <mergeCell ref="AZ54:BC55"/>
    <mergeCell ref="BO52:BQ53"/>
    <mergeCell ref="BR52:BT53"/>
    <mergeCell ref="BU52:BW53"/>
    <mergeCell ref="V53:X53"/>
    <mergeCell ref="Y53:AA53"/>
    <mergeCell ref="AB53:AD53"/>
    <mergeCell ref="AE53:AG53"/>
    <mergeCell ref="BO50:BQ50"/>
    <mergeCell ref="BL51:BN51"/>
    <mergeCell ref="BO51:BQ51"/>
    <mergeCell ref="B52:D63"/>
    <mergeCell ref="V52:AG52"/>
    <mergeCell ref="AH52:AY53"/>
    <mergeCell ref="AZ52:BC53"/>
    <mergeCell ref="BE52:BF63"/>
    <mergeCell ref="BI52:BK53"/>
    <mergeCell ref="BL52:BN53"/>
    <mergeCell ref="AN50:AP51"/>
    <mergeCell ref="AQ50:AS51"/>
    <mergeCell ref="AT50:AV51"/>
    <mergeCell ref="AW50:AY51"/>
    <mergeCell ref="AZ50:BC51"/>
    <mergeCell ref="BL50:BN50"/>
    <mergeCell ref="Z50:AA51"/>
    <mergeCell ref="AB50:AC51"/>
    <mergeCell ref="AD50:AE51"/>
    <mergeCell ref="AF50:AG51"/>
    <mergeCell ref="AH50:AJ51"/>
    <mergeCell ref="AK50:AM51"/>
    <mergeCell ref="E56:G57"/>
    <mergeCell ref="H56:U57"/>
    <mergeCell ref="V56:X57"/>
    <mergeCell ref="AB56:AD57"/>
    <mergeCell ref="AE56:AG57"/>
    <mergeCell ref="A50:A51"/>
    <mergeCell ref="B50:D51"/>
    <mergeCell ref="E50:G51"/>
    <mergeCell ref="I50:T51"/>
    <mergeCell ref="V50:W51"/>
    <mergeCell ref="X50:Y51"/>
    <mergeCell ref="AQ48:AS49"/>
    <mergeCell ref="AT48:AV49"/>
    <mergeCell ref="AW48:AY49"/>
    <mergeCell ref="AZ48:BC49"/>
    <mergeCell ref="BL48:BN48"/>
    <mergeCell ref="BO48:BQ48"/>
    <mergeCell ref="BL49:BN49"/>
    <mergeCell ref="BO49:BQ49"/>
    <mergeCell ref="AB48:AC49"/>
    <mergeCell ref="AD48:AE49"/>
    <mergeCell ref="AF48:AG49"/>
    <mergeCell ref="AH48:AJ49"/>
    <mergeCell ref="AK48:AM49"/>
    <mergeCell ref="AN48:AP49"/>
    <mergeCell ref="BO46:BQ46"/>
    <mergeCell ref="BL47:BN47"/>
    <mergeCell ref="BO47:BQ47"/>
    <mergeCell ref="A48:A49"/>
    <mergeCell ref="B48:D49"/>
    <mergeCell ref="E48:G49"/>
    <mergeCell ref="I48:T49"/>
    <mergeCell ref="V48:W49"/>
    <mergeCell ref="X48:Y49"/>
    <mergeCell ref="Z48:AA49"/>
    <mergeCell ref="AN46:AP47"/>
    <mergeCell ref="AQ46:AS47"/>
    <mergeCell ref="AT46:AV47"/>
    <mergeCell ref="AW46:AY47"/>
    <mergeCell ref="AZ46:BC47"/>
    <mergeCell ref="BL46:BN46"/>
    <mergeCell ref="Z46:AA47"/>
    <mergeCell ref="AB46:AC47"/>
    <mergeCell ref="AD46:AE47"/>
    <mergeCell ref="AF46:AG47"/>
    <mergeCell ref="AH46:AJ47"/>
    <mergeCell ref="AK46:AM47"/>
    <mergeCell ref="A46:A47"/>
    <mergeCell ref="B46:D47"/>
    <mergeCell ref="E46:G47"/>
    <mergeCell ref="I46:T47"/>
    <mergeCell ref="V46:W47"/>
    <mergeCell ref="X46:Y47"/>
    <mergeCell ref="AQ44:AS45"/>
    <mergeCell ref="AT44:AV45"/>
    <mergeCell ref="AW44:AY45"/>
    <mergeCell ref="AZ44:BC45"/>
    <mergeCell ref="BL44:BN44"/>
    <mergeCell ref="BO44:BQ44"/>
    <mergeCell ref="BL45:BN45"/>
    <mergeCell ref="BO45:BQ45"/>
    <mergeCell ref="AB44:AC45"/>
    <mergeCell ref="AD44:AE45"/>
    <mergeCell ref="AF44:AG45"/>
    <mergeCell ref="AH44:AJ45"/>
    <mergeCell ref="AK44:AM45"/>
    <mergeCell ref="AN44:AP45"/>
    <mergeCell ref="BO42:BQ42"/>
    <mergeCell ref="BL43:BN43"/>
    <mergeCell ref="BO43:BQ43"/>
    <mergeCell ref="A44:A45"/>
    <mergeCell ref="B44:D45"/>
    <mergeCell ref="E44:G45"/>
    <mergeCell ref="I44:T45"/>
    <mergeCell ref="V44:W45"/>
    <mergeCell ref="X44:Y45"/>
    <mergeCell ref="Z44:AA45"/>
    <mergeCell ref="AN42:AP43"/>
    <mergeCell ref="AQ42:AS43"/>
    <mergeCell ref="AT42:AV43"/>
    <mergeCell ref="AW42:AY43"/>
    <mergeCell ref="AZ42:BC43"/>
    <mergeCell ref="BL42:BN42"/>
    <mergeCell ref="Z42:AA43"/>
    <mergeCell ref="AB42:AC43"/>
    <mergeCell ref="AD42:AE43"/>
    <mergeCell ref="AF42:AG43"/>
    <mergeCell ref="AH42:AJ43"/>
    <mergeCell ref="AK42:AM43"/>
    <mergeCell ref="A42:A43"/>
    <mergeCell ref="B42:D43"/>
    <mergeCell ref="E42:G43"/>
    <mergeCell ref="I42:T43"/>
    <mergeCell ref="V42:W43"/>
    <mergeCell ref="X42:Y43"/>
    <mergeCell ref="AQ40:AS41"/>
    <mergeCell ref="AT40:AV41"/>
    <mergeCell ref="AW40:AY41"/>
    <mergeCell ref="AZ40:BC41"/>
    <mergeCell ref="BL40:BN40"/>
    <mergeCell ref="BO40:BQ40"/>
    <mergeCell ref="BL41:BN41"/>
    <mergeCell ref="BO41:BQ41"/>
    <mergeCell ref="AB40:AC41"/>
    <mergeCell ref="AD40:AE41"/>
    <mergeCell ref="AF40:AG41"/>
    <mergeCell ref="AH40:AJ41"/>
    <mergeCell ref="AK40:AM41"/>
    <mergeCell ref="AN40:AP41"/>
    <mergeCell ref="BO38:BQ38"/>
    <mergeCell ref="BL39:BN39"/>
    <mergeCell ref="BO39:BQ39"/>
    <mergeCell ref="A40:A41"/>
    <mergeCell ref="B40:D41"/>
    <mergeCell ref="E40:G41"/>
    <mergeCell ref="I40:T41"/>
    <mergeCell ref="V40:W41"/>
    <mergeCell ref="X40:Y41"/>
    <mergeCell ref="Z40:AA41"/>
    <mergeCell ref="AN38:AP39"/>
    <mergeCell ref="AQ38:AS39"/>
    <mergeCell ref="AT38:AV39"/>
    <mergeCell ref="AW38:AY39"/>
    <mergeCell ref="AZ38:BC39"/>
    <mergeCell ref="BL38:BN38"/>
    <mergeCell ref="Z38:AA39"/>
    <mergeCell ref="AB38:AC39"/>
    <mergeCell ref="AD38:AE39"/>
    <mergeCell ref="AF38:AG39"/>
    <mergeCell ref="AH38:AJ39"/>
    <mergeCell ref="AK38:AM39"/>
    <mergeCell ref="A38:A39"/>
    <mergeCell ref="B38:D39"/>
    <mergeCell ref="E38:G39"/>
    <mergeCell ref="I38:T39"/>
    <mergeCell ref="V38:W39"/>
    <mergeCell ref="X38:Y39"/>
    <mergeCell ref="AQ36:AS37"/>
    <mergeCell ref="AT36:AV37"/>
    <mergeCell ref="AW36:AY37"/>
    <mergeCell ref="AZ36:BC37"/>
    <mergeCell ref="BL36:BN36"/>
    <mergeCell ref="BO36:BQ36"/>
    <mergeCell ref="BL37:BN37"/>
    <mergeCell ref="BO37:BQ37"/>
    <mergeCell ref="AB36:AC37"/>
    <mergeCell ref="AD36:AE37"/>
    <mergeCell ref="AF36:AG37"/>
    <mergeCell ref="AH36:AJ37"/>
    <mergeCell ref="AK36:AM37"/>
    <mergeCell ref="AN36:AP37"/>
    <mergeCell ref="BO34:BQ34"/>
    <mergeCell ref="BL35:BN35"/>
    <mergeCell ref="BO35:BQ35"/>
    <mergeCell ref="A36:A37"/>
    <mergeCell ref="B36:D37"/>
    <mergeCell ref="E36:G37"/>
    <mergeCell ref="I36:T37"/>
    <mergeCell ref="V36:W37"/>
    <mergeCell ref="X36:Y37"/>
    <mergeCell ref="Z36:AA37"/>
    <mergeCell ref="AN34:AP35"/>
    <mergeCell ref="AQ34:AS35"/>
    <mergeCell ref="AT34:AV35"/>
    <mergeCell ref="AW34:AY35"/>
    <mergeCell ref="AZ34:BC35"/>
    <mergeCell ref="BL34:BN34"/>
    <mergeCell ref="Z34:AA35"/>
    <mergeCell ref="AB34:AC35"/>
    <mergeCell ref="AD34:AE35"/>
    <mergeCell ref="AF34:AG35"/>
    <mergeCell ref="AH34:AJ35"/>
    <mergeCell ref="AK34:AM35"/>
    <mergeCell ref="A34:A35"/>
    <mergeCell ref="B34:D35"/>
    <mergeCell ref="E34:G35"/>
    <mergeCell ref="I34:T35"/>
    <mergeCell ref="V34:W35"/>
    <mergeCell ref="X34:Y35"/>
    <mergeCell ref="AQ32:AS33"/>
    <mergeCell ref="AT32:AV33"/>
    <mergeCell ref="AW32:AY33"/>
    <mergeCell ref="AZ32:BC33"/>
    <mergeCell ref="BL32:BN32"/>
    <mergeCell ref="BO32:BQ32"/>
    <mergeCell ref="BL33:BN33"/>
    <mergeCell ref="BO33:BQ33"/>
    <mergeCell ref="AB32:AC33"/>
    <mergeCell ref="AD32:AE33"/>
    <mergeCell ref="AF32:AG33"/>
    <mergeCell ref="AH32:AJ33"/>
    <mergeCell ref="AK32:AM33"/>
    <mergeCell ref="AN32:AP33"/>
    <mergeCell ref="BO30:BQ30"/>
    <mergeCell ref="BL31:BN31"/>
    <mergeCell ref="BO31:BQ31"/>
    <mergeCell ref="A32:A33"/>
    <mergeCell ref="B32:D33"/>
    <mergeCell ref="E32:G33"/>
    <mergeCell ref="I32:T33"/>
    <mergeCell ref="V32:W33"/>
    <mergeCell ref="X32:Y33"/>
    <mergeCell ref="Z32:AA33"/>
    <mergeCell ref="AN30:AP31"/>
    <mergeCell ref="AQ30:AS31"/>
    <mergeCell ref="AT30:AV31"/>
    <mergeCell ref="AW30:AY31"/>
    <mergeCell ref="AZ30:BC31"/>
    <mergeCell ref="BL30:BN30"/>
    <mergeCell ref="Z30:AA31"/>
    <mergeCell ref="AB30:AC31"/>
    <mergeCell ref="AD30:AE31"/>
    <mergeCell ref="AF30:AG31"/>
    <mergeCell ref="AH30:AJ31"/>
    <mergeCell ref="AK30:AM31"/>
    <mergeCell ref="A30:A31"/>
    <mergeCell ref="B30:D31"/>
    <mergeCell ref="E30:G31"/>
    <mergeCell ref="I30:T31"/>
    <mergeCell ref="V30:W31"/>
    <mergeCell ref="X30:Y31"/>
    <mergeCell ref="AQ28:AS29"/>
    <mergeCell ref="AT28:AV29"/>
    <mergeCell ref="AW28:AY29"/>
    <mergeCell ref="AZ28:BC29"/>
    <mergeCell ref="BL28:BN28"/>
    <mergeCell ref="BO28:BQ28"/>
    <mergeCell ref="BL29:BN29"/>
    <mergeCell ref="BO29:BQ29"/>
    <mergeCell ref="AB28:AC29"/>
    <mergeCell ref="AD28:AE29"/>
    <mergeCell ref="AF28:AG29"/>
    <mergeCell ref="AH28:AJ29"/>
    <mergeCell ref="AK28:AM29"/>
    <mergeCell ref="AN28:AP29"/>
    <mergeCell ref="BO26:BQ26"/>
    <mergeCell ref="BL27:BN27"/>
    <mergeCell ref="BO27:BQ27"/>
    <mergeCell ref="A28:A29"/>
    <mergeCell ref="B28:D29"/>
    <mergeCell ref="E28:G29"/>
    <mergeCell ref="I28:T29"/>
    <mergeCell ref="V28:W29"/>
    <mergeCell ref="X28:Y29"/>
    <mergeCell ref="Z28:AA29"/>
    <mergeCell ref="AN26:AP27"/>
    <mergeCell ref="AQ26:AS27"/>
    <mergeCell ref="AT26:AV27"/>
    <mergeCell ref="AW26:AY27"/>
    <mergeCell ref="AZ26:BC27"/>
    <mergeCell ref="BL26:BN26"/>
    <mergeCell ref="Z26:AA27"/>
    <mergeCell ref="AB26:AC27"/>
    <mergeCell ref="AD26:AE27"/>
    <mergeCell ref="AF26:AG27"/>
    <mergeCell ref="AH26:AJ27"/>
    <mergeCell ref="AK26:AM27"/>
    <mergeCell ref="A26:A27"/>
    <mergeCell ref="B26:D27"/>
    <mergeCell ref="E26:G27"/>
    <mergeCell ref="I26:T27"/>
    <mergeCell ref="V26:W27"/>
    <mergeCell ref="X26:Y27"/>
    <mergeCell ref="AQ24:AS25"/>
    <mergeCell ref="AT24:AV25"/>
    <mergeCell ref="AW24:AY25"/>
    <mergeCell ref="AZ24:BC25"/>
    <mergeCell ref="BL24:BN24"/>
    <mergeCell ref="BO24:BQ24"/>
    <mergeCell ref="BL25:BN25"/>
    <mergeCell ref="BO25:BQ25"/>
    <mergeCell ref="AB24:AC25"/>
    <mergeCell ref="AD24:AE25"/>
    <mergeCell ref="AF24:AG25"/>
    <mergeCell ref="AH24:AJ25"/>
    <mergeCell ref="AK24:AM25"/>
    <mergeCell ref="AN24:AP25"/>
    <mergeCell ref="BO22:BQ22"/>
    <mergeCell ref="BL23:BN23"/>
    <mergeCell ref="BO23:BQ23"/>
    <mergeCell ref="A24:A25"/>
    <mergeCell ref="B24:D25"/>
    <mergeCell ref="E24:G25"/>
    <mergeCell ref="I24:T25"/>
    <mergeCell ref="V24:W25"/>
    <mergeCell ref="X24:Y25"/>
    <mergeCell ref="Z24:AA25"/>
    <mergeCell ref="AN22:AP23"/>
    <mergeCell ref="AQ22:AS23"/>
    <mergeCell ref="AT22:AV23"/>
    <mergeCell ref="AW22:AY23"/>
    <mergeCell ref="AZ22:BC23"/>
    <mergeCell ref="BL22:BN22"/>
    <mergeCell ref="Z22:AA23"/>
    <mergeCell ref="AB22:AC23"/>
    <mergeCell ref="AD22:AE23"/>
    <mergeCell ref="AF22:AG23"/>
    <mergeCell ref="AH22:AJ23"/>
    <mergeCell ref="AK22:AM23"/>
    <mergeCell ref="A22:A23"/>
    <mergeCell ref="B22:D23"/>
    <mergeCell ref="E22:G23"/>
    <mergeCell ref="I22:T23"/>
    <mergeCell ref="V22:W23"/>
    <mergeCell ref="X22:Y23"/>
    <mergeCell ref="AQ20:AS21"/>
    <mergeCell ref="AT20:AV21"/>
    <mergeCell ref="AW20:AY21"/>
    <mergeCell ref="AZ20:BC21"/>
    <mergeCell ref="BL20:BN20"/>
    <mergeCell ref="BO20:BQ20"/>
    <mergeCell ref="BL21:BN21"/>
    <mergeCell ref="BO21:BQ21"/>
    <mergeCell ref="AB20:AC21"/>
    <mergeCell ref="AD20:AE21"/>
    <mergeCell ref="AF20:AG21"/>
    <mergeCell ref="AH20:AJ21"/>
    <mergeCell ref="AK20:AM21"/>
    <mergeCell ref="AN20:AP21"/>
    <mergeCell ref="BO18:BQ18"/>
    <mergeCell ref="BL19:BN19"/>
    <mergeCell ref="BO19:BQ19"/>
    <mergeCell ref="A20:A21"/>
    <mergeCell ref="B20:D21"/>
    <mergeCell ref="E20:G21"/>
    <mergeCell ref="I20:T21"/>
    <mergeCell ref="V20:W21"/>
    <mergeCell ref="X20:Y21"/>
    <mergeCell ref="Z20:AA21"/>
    <mergeCell ref="AN18:AP19"/>
    <mergeCell ref="AQ18:AS19"/>
    <mergeCell ref="AT18:AV19"/>
    <mergeCell ref="AW18:AY19"/>
    <mergeCell ref="AZ18:BC19"/>
    <mergeCell ref="BL18:BN18"/>
    <mergeCell ref="Z18:AA19"/>
    <mergeCell ref="AB18:AC19"/>
    <mergeCell ref="AD18:AE19"/>
    <mergeCell ref="AF18:AG19"/>
    <mergeCell ref="AH18:AJ19"/>
    <mergeCell ref="AK18:AM19"/>
    <mergeCell ref="A18:A19"/>
    <mergeCell ref="B18:D19"/>
    <mergeCell ref="E18:G19"/>
    <mergeCell ref="I18:T19"/>
    <mergeCell ref="V18:W19"/>
    <mergeCell ref="X18:Y19"/>
    <mergeCell ref="AQ16:AS17"/>
    <mergeCell ref="AT16:AV17"/>
    <mergeCell ref="AW16:AY17"/>
    <mergeCell ref="AZ16:BC17"/>
    <mergeCell ref="BL16:BN16"/>
    <mergeCell ref="BO16:BQ16"/>
    <mergeCell ref="BL17:BN17"/>
    <mergeCell ref="BO17:BQ17"/>
    <mergeCell ref="AB16:AC17"/>
    <mergeCell ref="AD16:AE17"/>
    <mergeCell ref="AF16:AG17"/>
    <mergeCell ref="AH16:AJ17"/>
    <mergeCell ref="AK16:AM17"/>
    <mergeCell ref="AN16:AP17"/>
    <mergeCell ref="BO14:BQ14"/>
    <mergeCell ref="BL15:BN15"/>
    <mergeCell ref="BO15:BQ15"/>
    <mergeCell ref="A16:A17"/>
    <mergeCell ref="B16:D17"/>
    <mergeCell ref="E16:G17"/>
    <mergeCell ref="I16:T17"/>
    <mergeCell ref="V16:W17"/>
    <mergeCell ref="X16:Y17"/>
    <mergeCell ref="Z16:AA17"/>
    <mergeCell ref="AN14:AP15"/>
    <mergeCell ref="AQ14:AS15"/>
    <mergeCell ref="AT14:AV15"/>
    <mergeCell ref="AW14:AY15"/>
    <mergeCell ref="AZ14:BC15"/>
    <mergeCell ref="BL14:BN14"/>
    <mergeCell ref="Z14:AA15"/>
    <mergeCell ref="AB14:AC15"/>
    <mergeCell ref="AD14:AE15"/>
    <mergeCell ref="AF14:AG15"/>
    <mergeCell ref="AH14:AJ15"/>
    <mergeCell ref="AK14:AM15"/>
    <mergeCell ref="A14:A15"/>
    <mergeCell ref="B14:D15"/>
    <mergeCell ref="E14:G15"/>
    <mergeCell ref="I14:T15"/>
    <mergeCell ref="V14:W15"/>
    <mergeCell ref="X14:Y15"/>
    <mergeCell ref="AQ12:AS13"/>
    <mergeCell ref="AT12:AV13"/>
    <mergeCell ref="AW12:AY13"/>
    <mergeCell ref="AZ12:BC13"/>
    <mergeCell ref="BL12:BN12"/>
    <mergeCell ref="BI6:BQ7"/>
    <mergeCell ref="BU6:BV7"/>
    <mergeCell ref="AF6:AL7"/>
    <mergeCell ref="A12:A13"/>
    <mergeCell ref="B12:D13"/>
    <mergeCell ref="E12:G13"/>
    <mergeCell ref="I12:T13"/>
    <mergeCell ref="V12:W13"/>
    <mergeCell ref="X12:Y13"/>
    <mergeCell ref="Z12:AA13"/>
    <mergeCell ref="B9:D11"/>
    <mergeCell ref="E9:G11"/>
    <mergeCell ref="BO12:BQ12"/>
    <mergeCell ref="BL13:BN13"/>
    <mergeCell ref="BO13:BQ13"/>
    <mergeCell ref="AB12:AC13"/>
    <mergeCell ref="AD12:AE13"/>
    <mergeCell ref="AF12:AG13"/>
    <mergeCell ref="AH12:AJ13"/>
    <mergeCell ref="AK12:AM13"/>
    <mergeCell ref="AN12:AP13"/>
    <mergeCell ref="AT10:AV10"/>
    <mergeCell ref="AW10:AY11"/>
    <mergeCell ref="BL10:BS10"/>
    <mergeCell ref="H11:U11"/>
    <mergeCell ref="AH11:AJ11"/>
    <mergeCell ref="AK11:AM11"/>
    <mergeCell ref="AN11:AP11"/>
    <mergeCell ref="AQ11:AS11"/>
    <mergeCell ref="AT11:AV11"/>
    <mergeCell ref="BD9:BG11"/>
    <mergeCell ref="BH9:BK11"/>
    <mergeCell ref="BL9:BS9"/>
    <mergeCell ref="BL11:BN11"/>
    <mergeCell ref="BO11:BQ11"/>
    <mergeCell ref="BR11:BW11"/>
    <mergeCell ref="BT9:BW9"/>
    <mergeCell ref="BT10:BW10"/>
    <mergeCell ref="H10:U10"/>
    <mergeCell ref="V10:AA11"/>
    <mergeCell ref="AB10:AG11"/>
    <mergeCell ref="AH10:AJ10"/>
    <mergeCell ref="AK10:AM10"/>
    <mergeCell ref="AN10:AP10"/>
    <mergeCell ref="AM6:AS7"/>
    <mergeCell ref="AT6:BE7"/>
    <mergeCell ref="H9:U9"/>
    <mergeCell ref="V9:AG9"/>
    <mergeCell ref="AH9:AY9"/>
    <mergeCell ref="AZ9:BC11"/>
    <mergeCell ref="B5:J7"/>
    <mergeCell ref="K5:Q5"/>
    <mergeCell ref="R5:X5"/>
    <mergeCell ref="Y5:AE5"/>
    <mergeCell ref="AF5:AL5"/>
    <mergeCell ref="AM5:AS5"/>
    <mergeCell ref="AT4:BA5"/>
    <mergeCell ref="BB4:BW5"/>
    <mergeCell ref="K6:Q7"/>
    <mergeCell ref="R6:X7"/>
    <mergeCell ref="Y6:AE7"/>
    <mergeCell ref="AQ10:AS10"/>
    <mergeCell ref="BR2:BS3"/>
    <mergeCell ref="BT2:BU3"/>
    <mergeCell ref="B3:C4"/>
    <mergeCell ref="D3:E4"/>
    <mergeCell ref="F3:G4"/>
    <mergeCell ref="H3:I4"/>
    <mergeCell ref="J3:K4"/>
    <mergeCell ref="L3:M4"/>
    <mergeCell ref="N3:O4"/>
    <mergeCell ref="P3:Q4"/>
    <mergeCell ref="BF2:BG3"/>
    <mergeCell ref="BH2:BI3"/>
    <mergeCell ref="BJ2:BK3"/>
    <mergeCell ref="BL2:BM3"/>
    <mergeCell ref="BN2:BO3"/>
    <mergeCell ref="BP2:BQ3"/>
    <mergeCell ref="B2:U2"/>
    <mergeCell ref="V2:AE4"/>
    <mergeCell ref="AF2:AS4"/>
    <mergeCell ref="AT2:BA3"/>
    <mergeCell ref="BB2:BC3"/>
    <mergeCell ref="BD2:BE3"/>
    <mergeCell ref="R3:S4"/>
    <mergeCell ref="T3:U4"/>
  </mergeCells>
  <phoneticPr fontId="3"/>
  <printOptions horizontalCentered="1"/>
  <pageMargins left="0.47244094488188981" right="0.23622047244094491" top="0.47244094488188981" bottom="0" header="0.15748031496062992" footer="0"/>
  <pageSetup paperSize="9" scale="98" fitToHeight="0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E85"/>
  <sheetViews>
    <sheetView zoomScaleNormal="100" workbookViewId="0">
      <selection activeCell="J3" sqref="J3:K5"/>
    </sheetView>
  </sheetViews>
  <sheetFormatPr defaultColWidth="1.88671875" defaultRowHeight="14.25" customHeight="1"/>
  <cols>
    <col min="1" max="1" width="2.109375" style="22" customWidth="1"/>
    <col min="2" max="75" width="1.44140625" style="22" customWidth="1"/>
    <col min="76" max="16384" width="1.88671875" style="22"/>
  </cols>
  <sheetData>
    <row r="1" spans="1:75" ht="18" customHeight="1">
      <c r="B1" s="18" t="s">
        <v>117</v>
      </c>
      <c r="C1" s="18"/>
      <c r="D1" s="18"/>
      <c r="E1" s="18"/>
      <c r="F1" s="18"/>
      <c r="G1" s="18"/>
      <c r="H1" s="18"/>
      <c r="I1" s="18"/>
      <c r="J1" s="18"/>
      <c r="K1" s="18"/>
      <c r="L1" s="18"/>
      <c r="M1" s="18"/>
      <c r="N1" s="18"/>
      <c r="O1" s="18"/>
      <c r="P1" s="18"/>
      <c r="Q1" s="18"/>
      <c r="R1" s="18"/>
      <c r="S1" s="18"/>
      <c r="T1" s="18"/>
      <c r="U1" s="18"/>
      <c r="V1" s="18"/>
      <c r="W1" s="18"/>
      <c r="X1" s="18"/>
      <c r="Y1" s="18"/>
      <c r="Z1" s="19" t="s">
        <v>68</v>
      </c>
      <c r="AA1" s="60"/>
      <c r="AB1" s="19"/>
      <c r="AC1" s="19"/>
      <c r="AD1" s="19"/>
      <c r="AE1" s="19"/>
      <c r="AF1" s="20"/>
      <c r="AG1" s="20"/>
      <c r="AH1" s="20"/>
      <c r="AI1" s="20"/>
      <c r="AJ1" s="20"/>
      <c r="AK1" s="20"/>
      <c r="AL1" s="20"/>
      <c r="AM1" s="20"/>
      <c r="AN1" s="20"/>
      <c r="AO1" s="20"/>
      <c r="AP1" s="20"/>
      <c r="AQ1" s="20"/>
      <c r="AR1" s="20"/>
      <c r="AS1" s="20"/>
      <c r="AT1" s="20"/>
      <c r="AU1" s="20"/>
      <c r="AV1" s="20"/>
      <c r="AW1" s="20"/>
      <c r="AX1" s="21"/>
      <c r="AY1" s="21"/>
      <c r="AZ1" s="21"/>
      <c r="BA1" s="21"/>
      <c r="BB1" s="21"/>
      <c r="BC1" s="21"/>
      <c r="BD1" s="21"/>
      <c r="BE1" s="21"/>
      <c r="BF1" s="21"/>
      <c r="BG1" s="21"/>
      <c r="BH1" s="21"/>
      <c r="BI1" s="21"/>
      <c r="BJ1" s="21"/>
      <c r="BK1" s="21"/>
      <c r="BL1" s="21"/>
      <c r="BM1" s="21"/>
      <c r="BN1" s="21"/>
      <c r="BO1" s="21"/>
      <c r="BP1" s="21"/>
      <c r="BQ1" s="21"/>
      <c r="BR1" s="21"/>
      <c r="BS1" s="21"/>
      <c r="BT1" s="20"/>
      <c r="BU1" s="20"/>
    </row>
    <row r="2" spans="1:75" s="5" customFormat="1" ht="12" customHeight="1">
      <c r="B2" s="209" t="s">
        <v>3</v>
      </c>
      <c r="C2" s="210"/>
      <c r="D2" s="210"/>
      <c r="E2" s="210"/>
      <c r="F2" s="210"/>
      <c r="G2" s="210"/>
      <c r="H2" s="210"/>
      <c r="I2" s="210"/>
      <c r="J2" s="210"/>
      <c r="K2" s="210"/>
      <c r="L2" s="210"/>
      <c r="M2" s="210"/>
      <c r="N2" s="210"/>
      <c r="O2" s="210"/>
      <c r="P2" s="210"/>
      <c r="Q2" s="210"/>
      <c r="R2" s="210"/>
      <c r="S2" s="210"/>
      <c r="T2" s="210"/>
      <c r="U2" s="211"/>
      <c r="V2" s="212" t="s">
        <v>4</v>
      </c>
      <c r="W2" s="213"/>
      <c r="X2" s="213"/>
      <c r="Y2" s="213"/>
      <c r="Z2" s="213"/>
      <c r="AA2" s="213"/>
      <c r="AB2" s="213"/>
      <c r="AC2" s="213"/>
      <c r="AD2" s="213"/>
      <c r="AE2" s="214"/>
      <c r="AF2" s="205"/>
      <c r="AG2" s="198"/>
      <c r="AH2" s="198"/>
      <c r="AI2" s="198"/>
      <c r="AJ2" s="198"/>
      <c r="AK2" s="198"/>
      <c r="AL2" s="198"/>
      <c r="AM2" s="198"/>
      <c r="AN2" s="198"/>
      <c r="AO2" s="198"/>
      <c r="AP2" s="198"/>
      <c r="AQ2" s="198"/>
      <c r="AR2" s="198"/>
      <c r="AS2" s="221"/>
      <c r="AT2" s="205" t="s">
        <v>0</v>
      </c>
      <c r="AU2" s="198"/>
      <c r="AV2" s="198"/>
      <c r="AW2" s="198"/>
      <c r="AX2" s="198"/>
      <c r="AY2" s="198"/>
      <c r="AZ2" s="198"/>
      <c r="BA2" s="221"/>
      <c r="BB2" s="198"/>
      <c r="BC2" s="206"/>
      <c r="BD2" s="197"/>
      <c r="BE2" s="206"/>
      <c r="BF2" s="197"/>
      <c r="BG2" s="206"/>
      <c r="BH2" s="197"/>
      <c r="BI2" s="206"/>
      <c r="BJ2" s="197"/>
      <c r="BK2" s="206"/>
      <c r="BL2" s="197"/>
      <c r="BM2" s="206"/>
      <c r="BN2" s="197"/>
      <c r="BO2" s="206"/>
      <c r="BP2" s="197"/>
      <c r="BQ2" s="206"/>
      <c r="BR2" s="197"/>
      <c r="BS2" s="198"/>
      <c r="BT2" s="201"/>
      <c r="BU2" s="202"/>
      <c r="BV2" s="48"/>
      <c r="BW2" s="49"/>
    </row>
    <row r="3" spans="1:75" s="5" customFormat="1" ht="12" customHeight="1">
      <c r="B3" s="205"/>
      <c r="C3" s="206"/>
      <c r="D3" s="197"/>
      <c r="E3" s="206"/>
      <c r="F3" s="197"/>
      <c r="G3" s="206"/>
      <c r="H3" s="197"/>
      <c r="I3" s="206"/>
      <c r="J3" s="197"/>
      <c r="K3" s="206"/>
      <c r="L3" s="197"/>
      <c r="M3" s="206"/>
      <c r="N3" s="197"/>
      <c r="O3" s="206"/>
      <c r="P3" s="197"/>
      <c r="Q3" s="206"/>
      <c r="R3" s="197"/>
      <c r="S3" s="206"/>
      <c r="T3" s="197"/>
      <c r="U3" s="221"/>
      <c r="V3" s="215"/>
      <c r="W3" s="216"/>
      <c r="X3" s="216"/>
      <c r="Y3" s="216"/>
      <c r="Z3" s="216"/>
      <c r="AA3" s="216"/>
      <c r="AB3" s="216"/>
      <c r="AC3" s="216"/>
      <c r="AD3" s="216"/>
      <c r="AE3" s="217"/>
      <c r="AF3" s="222"/>
      <c r="AG3" s="223"/>
      <c r="AH3" s="223"/>
      <c r="AI3" s="223"/>
      <c r="AJ3" s="223"/>
      <c r="AK3" s="223"/>
      <c r="AL3" s="223"/>
      <c r="AM3" s="223"/>
      <c r="AN3" s="223"/>
      <c r="AO3" s="223"/>
      <c r="AP3" s="223"/>
      <c r="AQ3" s="223"/>
      <c r="AR3" s="223"/>
      <c r="AS3" s="224"/>
      <c r="AT3" s="207"/>
      <c r="AU3" s="200"/>
      <c r="AV3" s="200"/>
      <c r="AW3" s="200"/>
      <c r="AX3" s="200"/>
      <c r="AY3" s="200"/>
      <c r="AZ3" s="200"/>
      <c r="BA3" s="225"/>
      <c r="BB3" s="200"/>
      <c r="BC3" s="208"/>
      <c r="BD3" s="199"/>
      <c r="BE3" s="208"/>
      <c r="BF3" s="199"/>
      <c r="BG3" s="208"/>
      <c r="BH3" s="199"/>
      <c r="BI3" s="208"/>
      <c r="BJ3" s="199"/>
      <c r="BK3" s="208"/>
      <c r="BL3" s="199"/>
      <c r="BM3" s="208"/>
      <c r="BN3" s="199"/>
      <c r="BO3" s="208"/>
      <c r="BP3" s="199"/>
      <c r="BQ3" s="208"/>
      <c r="BR3" s="199"/>
      <c r="BS3" s="200"/>
      <c r="BT3" s="203"/>
      <c r="BU3" s="204"/>
      <c r="BV3" s="50"/>
      <c r="BW3" s="51"/>
    </row>
    <row r="4" spans="1:75" s="5" customFormat="1" ht="12" customHeight="1">
      <c r="B4" s="222"/>
      <c r="C4" s="557"/>
      <c r="D4" s="556"/>
      <c r="E4" s="557"/>
      <c r="F4" s="556"/>
      <c r="G4" s="557"/>
      <c r="H4" s="556"/>
      <c r="I4" s="557"/>
      <c r="J4" s="556"/>
      <c r="K4" s="557"/>
      <c r="L4" s="556"/>
      <c r="M4" s="557"/>
      <c r="N4" s="556"/>
      <c r="O4" s="557"/>
      <c r="P4" s="556"/>
      <c r="Q4" s="557"/>
      <c r="R4" s="556"/>
      <c r="S4" s="557"/>
      <c r="T4" s="556"/>
      <c r="U4" s="224"/>
      <c r="V4" s="215"/>
      <c r="W4" s="216"/>
      <c r="X4" s="216"/>
      <c r="Y4" s="216"/>
      <c r="Z4" s="216"/>
      <c r="AA4" s="216"/>
      <c r="AB4" s="216"/>
      <c r="AC4" s="216"/>
      <c r="AD4" s="216"/>
      <c r="AE4" s="217"/>
      <c r="AF4" s="222"/>
      <c r="AG4" s="223"/>
      <c r="AH4" s="223"/>
      <c r="AI4" s="223"/>
      <c r="AJ4" s="223"/>
      <c r="AK4" s="223"/>
      <c r="AL4" s="223"/>
      <c r="AM4" s="223"/>
      <c r="AN4" s="223"/>
      <c r="AO4" s="223"/>
      <c r="AP4" s="223"/>
      <c r="AQ4" s="223"/>
      <c r="AR4" s="223"/>
      <c r="AS4" s="224"/>
      <c r="AT4" s="565" t="s">
        <v>5</v>
      </c>
      <c r="AU4" s="566"/>
      <c r="AV4" s="566"/>
      <c r="AW4" s="566"/>
      <c r="AX4" s="566"/>
      <c r="AY4" s="566"/>
      <c r="AZ4" s="566"/>
      <c r="BA4" s="567"/>
      <c r="BB4" s="198"/>
      <c r="BC4" s="198"/>
      <c r="BD4" s="198"/>
      <c r="BE4" s="198"/>
      <c r="BF4" s="198"/>
      <c r="BG4" s="198"/>
      <c r="BH4" s="198"/>
      <c r="BI4" s="198"/>
      <c r="BJ4" s="198"/>
      <c r="BK4" s="198"/>
      <c r="BL4" s="198"/>
      <c r="BM4" s="198"/>
      <c r="BN4" s="198"/>
      <c r="BO4" s="198"/>
      <c r="BP4" s="198"/>
      <c r="BQ4" s="198"/>
      <c r="BR4" s="198"/>
      <c r="BS4" s="198"/>
      <c r="BT4" s="198"/>
      <c r="BU4" s="198"/>
      <c r="BV4" s="198"/>
      <c r="BW4" s="221"/>
    </row>
    <row r="5" spans="1:75" s="5" customFormat="1" ht="12" customHeight="1">
      <c r="B5" s="207"/>
      <c r="C5" s="208"/>
      <c r="D5" s="199"/>
      <c r="E5" s="208"/>
      <c r="F5" s="199"/>
      <c r="G5" s="208"/>
      <c r="H5" s="199"/>
      <c r="I5" s="208"/>
      <c r="J5" s="199"/>
      <c r="K5" s="208"/>
      <c r="L5" s="199"/>
      <c r="M5" s="208"/>
      <c r="N5" s="199"/>
      <c r="O5" s="208"/>
      <c r="P5" s="199"/>
      <c r="Q5" s="208"/>
      <c r="R5" s="199"/>
      <c r="S5" s="208"/>
      <c r="T5" s="199"/>
      <c r="U5" s="225"/>
      <c r="V5" s="218"/>
      <c r="W5" s="219"/>
      <c r="X5" s="219"/>
      <c r="Y5" s="219"/>
      <c r="Z5" s="219"/>
      <c r="AA5" s="219"/>
      <c r="AB5" s="219"/>
      <c r="AC5" s="219"/>
      <c r="AD5" s="219"/>
      <c r="AE5" s="220"/>
      <c r="AF5" s="207"/>
      <c r="AG5" s="200"/>
      <c r="AH5" s="200"/>
      <c r="AI5" s="200"/>
      <c r="AJ5" s="200"/>
      <c r="AK5" s="200"/>
      <c r="AL5" s="200"/>
      <c r="AM5" s="200"/>
      <c r="AN5" s="200"/>
      <c r="AO5" s="200"/>
      <c r="AP5" s="200"/>
      <c r="AQ5" s="200"/>
      <c r="AR5" s="200"/>
      <c r="AS5" s="225"/>
      <c r="AT5" s="244"/>
      <c r="AU5" s="245"/>
      <c r="AV5" s="245"/>
      <c r="AW5" s="245"/>
      <c r="AX5" s="245"/>
      <c r="AY5" s="245"/>
      <c r="AZ5" s="245"/>
      <c r="BA5" s="246"/>
      <c r="BB5" s="223"/>
      <c r="BC5" s="223"/>
      <c r="BD5" s="223"/>
      <c r="BE5" s="223"/>
      <c r="BF5" s="223"/>
      <c r="BG5" s="223"/>
      <c r="BH5" s="223"/>
      <c r="BI5" s="223"/>
      <c r="BJ5" s="223"/>
      <c r="BK5" s="223"/>
      <c r="BL5" s="223"/>
      <c r="BM5" s="223"/>
      <c r="BN5" s="223"/>
      <c r="BO5" s="223"/>
      <c r="BP5" s="223"/>
      <c r="BQ5" s="223"/>
      <c r="BR5" s="223"/>
      <c r="BS5" s="223"/>
      <c r="BT5" s="223"/>
      <c r="BU5" s="223"/>
      <c r="BV5" s="223"/>
      <c r="BW5" s="224"/>
    </row>
    <row r="6" spans="1:75" s="5" customFormat="1" ht="12" customHeight="1">
      <c r="B6" s="212" t="s">
        <v>52</v>
      </c>
      <c r="C6" s="213"/>
      <c r="D6" s="213"/>
      <c r="E6" s="213"/>
      <c r="F6" s="213"/>
      <c r="G6" s="213"/>
      <c r="H6" s="213"/>
      <c r="I6" s="213"/>
      <c r="J6" s="214"/>
      <c r="K6" s="454" t="s">
        <v>53</v>
      </c>
      <c r="L6" s="455"/>
      <c r="M6" s="455"/>
      <c r="N6" s="455"/>
      <c r="O6" s="455"/>
      <c r="P6" s="455"/>
      <c r="Q6" s="455"/>
      <c r="R6" s="455" t="s">
        <v>54</v>
      </c>
      <c r="S6" s="455"/>
      <c r="T6" s="455"/>
      <c r="U6" s="455"/>
      <c r="V6" s="455"/>
      <c r="W6" s="455"/>
      <c r="X6" s="455"/>
      <c r="Y6" s="455" t="s">
        <v>55</v>
      </c>
      <c r="Z6" s="455"/>
      <c r="AA6" s="455"/>
      <c r="AB6" s="455"/>
      <c r="AC6" s="455"/>
      <c r="AD6" s="455"/>
      <c r="AE6" s="456"/>
      <c r="AF6" s="212" t="s">
        <v>56</v>
      </c>
      <c r="AG6" s="198"/>
      <c r="AH6" s="198"/>
      <c r="AI6" s="198"/>
      <c r="AJ6" s="198"/>
      <c r="AK6" s="221"/>
      <c r="AL6" s="550"/>
      <c r="AM6" s="462"/>
      <c r="AN6" s="558" t="s">
        <v>82</v>
      </c>
      <c r="AO6" s="558"/>
      <c r="AP6" s="558"/>
      <c r="AQ6" s="558"/>
      <c r="AR6" s="558"/>
      <c r="AS6" s="559"/>
      <c r="AT6" s="247"/>
      <c r="AU6" s="248"/>
      <c r="AV6" s="248"/>
      <c r="AW6" s="248"/>
      <c r="AX6" s="248"/>
      <c r="AY6" s="248"/>
      <c r="AZ6" s="248"/>
      <c r="BA6" s="249"/>
      <c r="BB6" s="200"/>
      <c r="BC6" s="200"/>
      <c r="BD6" s="200"/>
      <c r="BE6" s="200"/>
      <c r="BF6" s="200"/>
      <c r="BG6" s="200"/>
      <c r="BH6" s="200"/>
      <c r="BI6" s="200"/>
      <c r="BJ6" s="200"/>
      <c r="BK6" s="200"/>
      <c r="BL6" s="200"/>
      <c r="BM6" s="200"/>
      <c r="BN6" s="200"/>
      <c r="BO6" s="200"/>
      <c r="BP6" s="200"/>
      <c r="BQ6" s="200"/>
      <c r="BR6" s="200"/>
      <c r="BS6" s="200"/>
      <c r="BT6" s="200"/>
      <c r="BU6" s="200"/>
      <c r="BV6" s="200"/>
      <c r="BW6" s="225"/>
    </row>
    <row r="7" spans="1:75" s="5" customFormat="1" ht="12" customHeight="1">
      <c r="B7" s="215"/>
      <c r="C7" s="216"/>
      <c r="D7" s="216"/>
      <c r="E7" s="216"/>
      <c r="F7" s="216"/>
      <c r="G7" s="216"/>
      <c r="H7" s="216"/>
      <c r="I7" s="216"/>
      <c r="J7" s="217"/>
      <c r="K7" s="560"/>
      <c r="L7" s="561"/>
      <c r="M7" s="561"/>
      <c r="N7" s="561"/>
      <c r="O7" s="561"/>
      <c r="P7" s="561"/>
      <c r="Q7" s="561"/>
      <c r="R7" s="561"/>
      <c r="S7" s="561"/>
      <c r="T7" s="561"/>
      <c r="U7" s="561"/>
      <c r="V7" s="561"/>
      <c r="W7" s="561"/>
      <c r="X7" s="561"/>
      <c r="Y7" s="561"/>
      <c r="Z7" s="561"/>
      <c r="AA7" s="561"/>
      <c r="AB7" s="561"/>
      <c r="AC7" s="561"/>
      <c r="AD7" s="561"/>
      <c r="AE7" s="562"/>
      <c r="AF7" s="222"/>
      <c r="AG7" s="223"/>
      <c r="AH7" s="223"/>
      <c r="AI7" s="223"/>
      <c r="AJ7" s="223"/>
      <c r="AK7" s="224"/>
      <c r="AL7" s="256"/>
      <c r="AM7" s="257"/>
      <c r="AN7" s="563" t="s">
        <v>83</v>
      </c>
      <c r="AO7" s="563"/>
      <c r="AP7" s="563"/>
      <c r="AQ7" s="563"/>
      <c r="AR7" s="563"/>
      <c r="AS7" s="564"/>
      <c r="AT7" s="212" t="s">
        <v>11</v>
      </c>
      <c r="AU7" s="213"/>
      <c r="AV7" s="213"/>
      <c r="AW7" s="213"/>
      <c r="AX7" s="213"/>
      <c r="AY7" s="213"/>
      <c r="AZ7" s="213"/>
      <c r="BA7" s="213"/>
      <c r="BB7" s="213"/>
      <c r="BC7" s="213"/>
      <c r="BD7" s="213"/>
      <c r="BE7" s="214"/>
      <c r="BF7" s="193"/>
      <c r="BG7" s="193"/>
      <c r="BH7" s="193"/>
      <c r="BI7" s="198"/>
      <c r="BJ7" s="198"/>
      <c r="BK7" s="198"/>
      <c r="BL7" s="198"/>
      <c r="BM7" s="198"/>
      <c r="BN7" s="198"/>
      <c r="BO7" s="198"/>
      <c r="BP7" s="198"/>
      <c r="BQ7" s="198"/>
      <c r="BR7" s="193"/>
      <c r="BS7" s="193"/>
      <c r="BT7" s="193"/>
      <c r="BU7" s="198" t="s">
        <v>12</v>
      </c>
      <c r="BV7" s="198"/>
      <c r="BW7" s="189"/>
    </row>
    <row r="8" spans="1:75" s="5" customFormat="1" ht="12" customHeight="1">
      <c r="B8" s="218"/>
      <c r="C8" s="219"/>
      <c r="D8" s="219"/>
      <c r="E8" s="219"/>
      <c r="F8" s="219"/>
      <c r="G8" s="219"/>
      <c r="H8" s="219"/>
      <c r="I8" s="219"/>
      <c r="J8" s="220"/>
      <c r="K8" s="457"/>
      <c r="L8" s="458"/>
      <c r="M8" s="458"/>
      <c r="N8" s="458"/>
      <c r="O8" s="458"/>
      <c r="P8" s="458"/>
      <c r="Q8" s="458"/>
      <c r="R8" s="458"/>
      <c r="S8" s="458"/>
      <c r="T8" s="458"/>
      <c r="U8" s="458"/>
      <c r="V8" s="458"/>
      <c r="W8" s="458"/>
      <c r="X8" s="458"/>
      <c r="Y8" s="458"/>
      <c r="Z8" s="458"/>
      <c r="AA8" s="458"/>
      <c r="AB8" s="458"/>
      <c r="AC8" s="458"/>
      <c r="AD8" s="458"/>
      <c r="AE8" s="459"/>
      <c r="AF8" s="207"/>
      <c r="AG8" s="200"/>
      <c r="AH8" s="200"/>
      <c r="AI8" s="200"/>
      <c r="AJ8" s="200"/>
      <c r="AK8" s="225"/>
      <c r="AL8" s="546"/>
      <c r="AM8" s="547"/>
      <c r="AN8" s="547" t="s">
        <v>84</v>
      </c>
      <c r="AO8" s="547"/>
      <c r="AP8" s="547"/>
      <c r="AQ8" s="547"/>
      <c r="AR8" s="547"/>
      <c r="AS8" s="548"/>
      <c r="AT8" s="218"/>
      <c r="AU8" s="219"/>
      <c r="AV8" s="219"/>
      <c r="AW8" s="219"/>
      <c r="AX8" s="219"/>
      <c r="AY8" s="219"/>
      <c r="AZ8" s="219"/>
      <c r="BA8" s="219"/>
      <c r="BB8" s="219"/>
      <c r="BC8" s="219"/>
      <c r="BD8" s="219"/>
      <c r="BE8" s="220"/>
      <c r="BF8" s="192"/>
      <c r="BG8" s="192"/>
      <c r="BH8" s="192"/>
      <c r="BI8" s="200"/>
      <c r="BJ8" s="200"/>
      <c r="BK8" s="200"/>
      <c r="BL8" s="200"/>
      <c r="BM8" s="200"/>
      <c r="BN8" s="200"/>
      <c r="BO8" s="200"/>
      <c r="BP8" s="200"/>
      <c r="BQ8" s="200"/>
      <c r="BR8" s="192"/>
      <c r="BS8" s="192"/>
      <c r="BT8" s="192"/>
      <c r="BU8" s="200"/>
      <c r="BV8" s="200"/>
      <c r="BW8" s="190"/>
    </row>
    <row r="9" spans="1:75" ht="12" customHeight="1" thickBot="1">
      <c r="B9" s="194"/>
      <c r="C9" s="194"/>
      <c r="D9" s="194"/>
      <c r="E9" s="194"/>
      <c r="F9" s="194"/>
      <c r="G9" s="194"/>
      <c r="H9" s="194"/>
      <c r="I9" s="194"/>
      <c r="J9" s="194"/>
      <c r="K9" s="194"/>
      <c r="L9" s="194"/>
      <c r="M9" s="194"/>
      <c r="N9" s="194"/>
      <c r="O9" s="194"/>
      <c r="P9" s="194"/>
      <c r="Q9" s="194"/>
      <c r="R9" s="194"/>
      <c r="S9" s="194"/>
      <c r="T9" s="194"/>
      <c r="U9" s="194"/>
      <c r="V9" s="194"/>
      <c r="W9" s="194"/>
      <c r="X9" s="194"/>
      <c r="Y9" s="194"/>
      <c r="Z9" s="194"/>
      <c r="AA9" s="194"/>
      <c r="AB9" s="194"/>
      <c r="AC9" s="194"/>
      <c r="AD9" s="194"/>
      <c r="AE9" s="194"/>
      <c r="AF9" s="194"/>
      <c r="AG9" s="194"/>
      <c r="AH9" s="194"/>
      <c r="AI9" s="194"/>
      <c r="AJ9" s="194"/>
      <c r="AK9" s="194"/>
      <c r="AL9" s="193"/>
      <c r="AM9" s="193"/>
      <c r="AN9" s="193"/>
      <c r="AO9" s="193"/>
      <c r="AP9" s="193"/>
      <c r="AQ9" s="193"/>
      <c r="AR9" s="193"/>
      <c r="AS9" s="193"/>
      <c r="AT9" s="193"/>
      <c r="AU9" s="193"/>
      <c r="AV9" s="193"/>
      <c r="AW9" s="193"/>
      <c r="AX9" s="193"/>
      <c r="AY9" s="193"/>
      <c r="AZ9" s="193"/>
      <c r="BA9" s="193"/>
      <c r="BB9" s="193"/>
      <c r="BC9" s="193"/>
      <c r="BD9" s="194"/>
      <c r="BE9" s="194"/>
      <c r="BF9" s="194"/>
      <c r="BG9" s="194"/>
      <c r="BH9" s="194"/>
      <c r="BI9" s="194"/>
      <c r="BJ9" s="194"/>
      <c r="BK9" s="194"/>
      <c r="BL9" s="194"/>
      <c r="BM9" s="194"/>
      <c r="BN9" s="194"/>
      <c r="BO9" s="194"/>
      <c r="BP9" s="194"/>
      <c r="BQ9" s="194"/>
      <c r="BR9" s="194"/>
      <c r="BS9" s="194"/>
      <c r="BT9" s="194"/>
      <c r="BU9" s="194"/>
      <c r="BV9" s="194"/>
      <c r="BW9" s="194"/>
    </row>
    <row r="10" spans="1:75" s="96" customFormat="1" ht="12" customHeight="1" thickTop="1">
      <c r="B10" s="205" t="s">
        <v>13</v>
      </c>
      <c r="C10" s="198"/>
      <c r="D10" s="198"/>
      <c r="E10" s="221"/>
      <c r="F10" s="205" t="s">
        <v>14</v>
      </c>
      <c r="G10" s="198"/>
      <c r="H10" s="198"/>
      <c r="I10" s="221"/>
      <c r="J10" s="212" t="s">
        <v>99</v>
      </c>
      <c r="K10" s="198"/>
      <c r="L10" s="198"/>
      <c r="M10" s="198"/>
      <c r="N10" s="198"/>
      <c r="O10" s="198"/>
      <c r="P10" s="198"/>
      <c r="Q10" s="198"/>
      <c r="R10" s="221"/>
      <c r="S10" s="209" t="s">
        <v>16</v>
      </c>
      <c r="T10" s="210"/>
      <c r="U10" s="210"/>
      <c r="V10" s="210"/>
      <c r="W10" s="210"/>
      <c r="X10" s="210"/>
      <c r="Y10" s="210"/>
      <c r="Z10" s="210"/>
      <c r="AA10" s="210"/>
      <c r="AB10" s="210"/>
      <c r="AC10" s="210"/>
      <c r="AD10" s="210"/>
      <c r="AE10" s="210"/>
      <c r="AF10" s="210"/>
      <c r="AG10" s="210"/>
      <c r="AH10" s="549"/>
      <c r="AI10" s="237" t="s">
        <v>49</v>
      </c>
      <c r="AJ10" s="238"/>
      <c r="AK10" s="238"/>
      <c r="AL10" s="238"/>
      <c r="AM10" s="238"/>
      <c r="AN10" s="238"/>
      <c r="AO10" s="238"/>
      <c r="AP10" s="238"/>
      <c r="AQ10" s="238"/>
      <c r="AR10" s="239"/>
      <c r="AS10" s="240" t="s">
        <v>18</v>
      </c>
      <c r="AT10" s="213"/>
      <c r="AU10" s="213"/>
      <c r="AV10" s="214"/>
      <c r="AW10" s="212" t="s">
        <v>92</v>
      </c>
      <c r="AX10" s="213"/>
      <c r="AY10" s="213"/>
      <c r="AZ10" s="500" t="s">
        <v>93</v>
      </c>
      <c r="BA10" s="213"/>
      <c r="BB10" s="551"/>
      <c r="BC10" s="213" t="s">
        <v>94</v>
      </c>
      <c r="BD10" s="213"/>
      <c r="BE10" s="213"/>
      <c r="BF10" s="500" t="s">
        <v>131</v>
      </c>
      <c r="BG10" s="213"/>
      <c r="BH10" s="214"/>
      <c r="BI10" s="275" t="s">
        <v>126</v>
      </c>
      <c r="BJ10" s="276"/>
      <c r="BK10" s="276"/>
      <c r="BL10" s="276"/>
      <c r="BM10" s="277"/>
      <c r="BN10" s="212" t="s">
        <v>128</v>
      </c>
      <c r="BO10" s="213"/>
      <c r="BP10" s="213"/>
      <c r="BQ10" s="213"/>
      <c r="BR10" s="214"/>
      <c r="BS10" s="205" t="s">
        <v>50</v>
      </c>
      <c r="BT10" s="198"/>
      <c r="BU10" s="198"/>
      <c r="BV10" s="198"/>
      <c r="BW10" s="221"/>
    </row>
    <row r="11" spans="1:75" s="96" customFormat="1" ht="12" customHeight="1">
      <c r="B11" s="207"/>
      <c r="C11" s="200"/>
      <c r="D11" s="200"/>
      <c r="E11" s="225"/>
      <c r="F11" s="207"/>
      <c r="G11" s="200"/>
      <c r="H11" s="200"/>
      <c r="I11" s="225"/>
      <c r="J11" s="207"/>
      <c r="K11" s="200"/>
      <c r="L11" s="200"/>
      <c r="M11" s="200"/>
      <c r="N11" s="200"/>
      <c r="O11" s="200"/>
      <c r="P11" s="200"/>
      <c r="Q11" s="200"/>
      <c r="R11" s="225"/>
      <c r="S11" s="209" t="s">
        <v>20</v>
      </c>
      <c r="T11" s="210"/>
      <c r="U11" s="210"/>
      <c r="V11" s="210"/>
      <c r="W11" s="210"/>
      <c r="X11" s="210"/>
      <c r="Y11" s="210"/>
      <c r="Z11" s="211"/>
      <c r="AA11" s="209" t="s">
        <v>21</v>
      </c>
      <c r="AB11" s="210"/>
      <c r="AC11" s="210"/>
      <c r="AD11" s="210"/>
      <c r="AE11" s="210"/>
      <c r="AF11" s="210"/>
      <c r="AG11" s="210"/>
      <c r="AH11" s="549"/>
      <c r="AI11" s="554" t="s">
        <v>57</v>
      </c>
      <c r="AJ11" s="210"/>
      <c r="AK11" s="210"/>
      <c r="AL11" s="210"/>
      <c r="AM11" s="555"/>
      <c r="AN11" s="553" t="s">
        <v>58</v>
      </c>
      <c r="AO11" s="210"/>
      <c r="AP11" s="210"/>
      <c r="AQ11" s="210"/>
      <c r="AR11" s="549"/>
      <c r="AS11" s="242"/>
      <c r="AT11" s="219"/>
      <c r="AU11" s="219"/>
      <c r="AV11" s="220"/>
      <c r="AW11" s="218"/>
      <c r="AX11" s="219"/>
      <c r="AY11" s="219"/>
      <c r="AZ11" s="501"/>
      <c r="BA11" s="219"/>
      <c r="BB11" s="552"/>
      <c r="BC11" s="219"/>
      <c r="BD11" s="219"/>
      <c r="BE11" s="219"/>
      <c r="BF11" s="501"/>
      <c r="BG11" s="219"/>
      <c r="BH11" s="220"/>
      <c r="BI11" s="281"/>
      <c r="BJ11" s="282"/>
      <c r="BK11" s="282"/>
      <c r="BL11" s="282"/>
      <c r="BM11" s="283"/>
      <c r="BN11" s="218"/>
      <c r="BO11" s="219"/>
      <c r="BP11" s="219"/>
      <c r="BQ11" s="219"/>
      <c r="BR11" s="220"/>
      <c r="BS11" s="207"/>
      <c r="BT11" s="200"/>
      <c r="BU11" s="200"/>
      <c r="BV11" s="200"/>
      <c r="BW11" s="225"/>
    </row>
    <row r="12" spans="1:75" ht="9.9" customHeight="1">
      <c r="A12" s="298">
        <v>1</v>
      </c>
      <c r="B12" s="338"/>
      <c r="C12" s="333"/>
      <c r="D12" s="333"/>
      <c r="E12" s="334"/>
      <c r="F12" s="338"/>
      <c r="G12" s="333"/>
      <c r="H12" s="333"/>
      <c r="I12" s="334"/>
      <c r="J12" s="540" t="s">
        <v>91</v>
      </c>
      <c r="K12" s="541"/>
      <c r="L12" s="541"/>
      <c r="M12" s="541"/>
      <c r="N12" s="541"/>
      <c r="O12" s="541"/>
      <c r="P12" s="541"/>
      <c r="Q12" s="541"/>
      <c r="R12" s="542"/>
      <c r="S12" s="523"/>
      <c r="T12" s="481"/>
      <c r="U12" s="481"/>
      <c r="V12" s="481" t="s">
        <v>32</v>
      </c>
      <c r="W12" s="481"/>
      <c r="X12" s="481"/>
      <c r="Y12" s="481"/>
      <c r="Z12" s="490"/>
      <c r="AA12" s="523"/>
      <c r="AB12" s="481"/>
      <c r="AC12" s="481"/>
      <c r="AD12" s="481" t="s">
        <v>32</v>
      </c>
      <c r="AE12" s="481"/>
      <c r="AF12" s="481"/>
      <c r="AG12" s="481"/>
      <c r="AH12" s="482"/>
      <c r="AI12" s="486"/>
      <c r="AJ12" s="481"/>
      <c r="AK12" s="481"/>
      <c r="AL12" s="481"/>
      <c r="AM12" s="487"/>
      <c r="AN12" s="480"/>
      <c r="AO12" s="481"/>
      <c r="AP12" s="481"/>
      <c r="AQ12" s="481"/>
      <c r="AR12" s="482"/>
      <c r="AS12" s="342"/>
      <c r="AT12" s="333"/>
      <c r="AU12" s="333"/>
      <c r="AV12" s="334"/>
      <c r="AW12" s="205"/>
      <c r="AX12" s="198"/>
      <c r="AY12" s="499"/>
      <c r="AZ12" s="495"/>
      <c r="BA12" s="251"/>
      <c r="BB12" s="496"/>
      <c r="BC12" s="495"/>
      <c r="BD12" s="251"/>
      <c r="BE12" s="251"/>
      <c r="BF12" s="480"/>
      <c r="BG12" s="481"/>
      <c r="BH12" s="490"/>
      <c r="BI12" s="23"/>
      <c r="BJ12" s="24"/>
      <c r="BK12" s="24"/>
      <c r="BL12" s="24"/>
      <c r="BM12" s="25"/>
      <c r="BN12" s="23"/>
      <c r="BO12" s="24"/>
      <c r="BP12" s="24"/>
      <c r="BQ12" s="24"/>
      <c r="BR12" s="25"/>
      <c r="BS12" s="26"/>
      <c r="BT12" s="24"/>
      <c r="BU12" s="24"/>
      <c r="BV12" s="26"/>
      <c r="BW12" s="27"/>
    </row>
    <row r="13" spans="1:75" ht="9.9" customHeight="1">
      <c r="A13" s="298"/>
      <c r="B13" s="340"/>
      <c r="C13" s="336"/>
      <c r="D13" s="336"/>
      <c r="E13" s="337"/>
      <c r="F13" s="340"/>
      <c r="G13" s="336"/>
      <c r="H13" s="336"/>
      <c r="I13" s="337"/>
      <c r="J13" s="543"/>
      <c r="K13" s="544"/>
      <c r="L13" s="544"/>
      <c r="M13" s="544"/>
      <c r="N13" s="544"/>
      <c r="O13" s="544"/>
      <c r="P13" s="544"/>
      <c r="Q13" s="544"/>
      <c r="R13" s="545"/>
      <c r="S13" s="524"/>
      <c r="T13" s="484"/>
      <c r="U13" s="484"/>
      <c r="V13" s="484"/>
      <c r="W13" s="484"/>
      <c r="X13" s="484"/>
      <c r="Y13" s="484"/>
      <c r="Z13" s="491"/>
      <c r="AA13" s="524"/>
      <c r="AB13" s="484"/>
      <c r="AC13" s="484"/>
      <c r="AD13" s="484"/>
      <c r="AE13" s="484"/>
      <c r="AF13" s="484"/>
      <c r="AG13" s="484"/>
      <c r="AH13" s="485"/>
      <c r="AI13" s="488"/>
      <c r="AJ13" s="484"/>
      <c r="AK13" s="484"/>
      <c r="AL13" s="484"/>
      <c r="AM13" s="489"/>
      <c r="AN13" s="483"/>
      <c r="AO13" s="484"/>
      <c r="AP13" s="484"/>
      <c r="AQ13" s="484"/>
      <c r="AR13" s="485"/>
      <c r="AS13" s="343"/>
      <c r="AT13" s="336"/>
      <c r="AU13" s="336"/>
      <c r="AV13" s="337"/>
      <c r="AW13" s="207"/>
      <c r="AX13" s="200"/>
      <c r="AY13" s="287"/>
      <c r="AZ13" s="497"/>
      <c r="BA13" s="254"/>
      <c r="BB13" s="498"/>
      <c r="BC13" s="497"/>
      <c r="BD13" s="254"/>
      <c r="BE13" s="254"/>
      <c r="BF13" s="483"/>
      <c r="BG13" s="484"/>
      <c r="BH13" s="491"/>
      <c r="BI13" s="28"/>
      <c r="BJ13" s="29"/>
      <c r="BK13" s="29"/>
      <c r="BL13" s="29"/>
      <c r="BM13" s="30"/>
      <c r="BN13" s="28"/>
      <c r="BO13" s="29"/>
      <c r="BP13" s="29"/>
      <c r="BQ13" s="29"/>
      <c r="BR13" s="30"/>
      <c r="BS13" s="31"/>
      <c r="BT13" s="29"/>
      <c r="BU13" s="29"/>
      <c r="BV13" s="31"/>
      <c r="BW13" s="32"/>
    </row>
    <row r="14" spans="1:75" ht="9.9" customHeight="1">
      <c r="A14" s="298">
        <v>2</v>
      </c>
      <c r="B14" s="338"/>
      <c r="C14" s="333"/>
      <c r="D14" s="333"/>
      <c r="E14" s="334"/>
      <c r="F14" s="338"/>
      <c r="G14" s="333"/>
      <c r="H14" s="333"/>
      <c r="I14" s="334"/>
      <c r="J14" s="540" t="s">
        <v>91</v>
      </c>
      <c r="K14" s="541"/>
      <c r="L14" s="541"/>
      <c r="M14" s="541"/>
      <c r="N14" s="541"/>
      <c r="O14" s="541"/>
      <c r="P14" s="541"/>
      <c r="Q14" s="541"/>
      <c r="R14" s="542"/>
      <c r="S14" s="523"/>
      <c r="T14" s="481"/>
      <c r="U14" s="481"/>
      <c r="V14" s="481" t="s">
        <v>32</v>
      </c>
      <c r="W14" s="481"/>
      <c r="X14" s="481"/>
      <c r="Y14" s="481"/>
      <c r="Z14" s="490"/>
      <c r="AA14" s="523"/>
      <c r="AB14" s="481"/>
      <c r="AC14" s="481"/>
      <c r="AD14" s="481" t="s">
        <v>32</v>
      </c>
      <c r="AE14" s="481"/>
      <c r="AF14" s="481"/>
      <c r="AG14" s="481"/>
      <c r="AH14" s="482"/>
      <c r="AI14" s="486"/>
      <c r="AJ14" s="481"/>
      <c r="AK14" s="481"/>
      <c r="AL14" s="481"/>
      <c r="AM14" s="487"/>
      <c r="AN14" s="480"/>
      <c r="AO14" s="481"/>
      <c r="AP14" s="481"/>
      <c r="AQ14" s="481"/>
      <c r="AR14" s="482"/>
      <c r="AS14" s="342"/>
      <c r="AT14" s="333"/>
      <c r="AU14" s="333"/>
      <c r="AV14" s="334"/>
      <c r="AW14" s="205"/>
      <c r="AX14" s="198"/>
      <c r="AY14" s="499"/>
      <c r="AZ14" s="495"/>
      <c r="BA14" s="251"/>
      <c r="BB14" s="496"/>
      <c r="BC14" s="495"/>
      <c r="BD14" s="251"/>
      <c r="BE14" s="251"/>
      <c r="BF14" s="480"/>
      <c r="BG14" s="481"/>
      <c r="BH14" s="490"/>
      <c r="BI14" s="23"/>
      <c r="BJ14" s="24"/>
      <c r="BK14" s="24"/>
      <c r="BL14" s="24"/>
      <c r="BM14" s="25"/>
      <c r="BN14" s="23"/>
      <c r="BO14" s="24"/>
      <c r="BP14" s="24"/>
      <c r="BQ14" s="24"/>
      <c r="BR14" s="25"/>
      <c r="BS14" s="26"/>
      <c r="BT14" s="24"/>
      <c r="BU14" s="24"/>
      <c r="BV14" s="26"/>
      <c r="BW14" s="27"/>
    </row>
    <row r="15" spans="1:75" ht="9.9" customHeight="1">
      <c r="A15" s="298"/>
      <c r="B15" s="340"/>
      <c r="C15" s="336"/>
      <c r="D15" s="336"/>
      <c r="E15" s="337"/>
      <c r="F15" s="340"/>
      <c r="G15" s="336"/>
      <c r="H15" s="336"/>
      <c r="I15" s="337"/>
      <c r="J15" s="543"/>
      <c r="K15" s="544"/>
      <c r="L15" s="544"/>
      <c r="M15" s="544"/>
      <c r="N15" s="544"/>
      <c r="O15" s="544"/>
      <c r="P15" s="544"/>
      <c r="Q15" s="544"/>
      <c r="R15" s="545"/>
      <c r="S15" s="524"/>
      <c r="T15" s="484"/>
      <c r="U15" s="484"/>
      <c r="V15" s="484"/>
      <c r="W15" s="484"/>
      <c r="X15" s="484"/>
      <c r="Y15" s="484"/>
      <c r="Z15" s="491"/>
      <c r="AA15" s="524"/>
      <c r="AB15" s="484"/>
      <c r="AC15" s="484"/>
      <c r="AD15" s="484"/>
      <c r="AE15" s="484"/>
      <c r="AF15" s="484"/>
      <c r="AG15" s="484"/>
      <c r="AH15" s="485"/>
      <c r="AI15" s="488"/>
      <c r="AJ15" s="484"/>
      <c r="AK15" s="484"/>
      <c r="AL15" s="484"/>
      <c r="AM15" s="489"/>
      <c r="AN15" s="483"/>
      <c r="AO15" s="484"/>
      <c r="AP15" s="484"/>
      <c r="AQ15" s="484"/>
      <c r="AR15" s="485"/>
      <c r="AS15" s="343"/>
      <c r="AT15" s="336"/>
      <c r="AU15" s="336"/>
      <c r="AV15" s="337"/>
      <c r="AW15" s="207"/>
      <c r="AX15" s="200"/>
      <c r="AY15" s="287"/>
      <c r="AZ15" s="497"/>
      <c r="BA15" s="254"/>
      <c r="BB15" s="498"/>
      <c r="BC15" s="497"/>
      <c r="BD15" s="254"/>
      <c r="BE15" s="254"/>
      <c r="BF15" s="483"/>
      <c r="BG15" s="484"/>
      <c r="BH15" s="491"/>
      <c r="BI15" s="28"/>
      <c r="BJ15" s="29"/>
      <c r="BK15" s="29"/>
      <c r="BL15" s="29"/>
      <c r="BM15" s="30"/>
      <c r="BN15" s="28"/>
      <c r="BO15" s="29"/>
      <c r="BP15" s="29"/>
      <c r="BQ15" s="29"/>
      <c r="BR15" s="30"/>
      <c r="BS15" s="31"/>
      <c r="BT15" s="29"/>
      <c r="BU15" s="29"/>
      <c r="BV15" s="31"/>
      <c r="BW15" s="32"/>
    </row>
    <row r="16" spans="1:75" ht="9.9" customHeight="1">
      <c r="A16" s="298">
        <v>3</v>
      </c>
      <c r="B16" s="338"/>
      <c r="C16" s="333"/>
      <c r="D16" s="333"/>
      <c r="E16" s="334"/>
      <c r="F16" s="338"/>
      <c r="G16" s="333"/>
      <c r="H16" s="333"/>
      <c r="I16" s="334"/>
      <c r="J16" s="540" t="s">
        <v>91</v>
      </c>
      <c r="K16" s="541"/>
      <c r="L16" s="541"/>
      <c r="M16" s="541"/>
      <c r="N16" s="541"/>
      <c r="O16" s="541"/>
      <c r="P16" s="541"/>
      <c r="Q16" s="541"/>
      <c r="R16" s="542"/>
      <c r="S16" s="523"/>
      <c r="T16" s="481"/>
      <c r="U16" s="481"/>
      <c r="V16" s="481" t="s">
        <v>32</v>
      </c>
      <c r="W16" s="481"/>
      <c r="X16" s="481"/>
      <c r="Y16" s="481"/>
      <c r="Z16" s="490"/>
      <c r="AA16" s="523"/>
      <c r="AB16" s="481"/>
      <c r="AC16" s="481"/>
      <c r="AD16" s="481" t="s">
        <v>32</v>
      </c>
      <c r="AE16" s="481"/>
      <c r="AF16" s="481"/>
      <c r="AG16" s="481"/>
      <c r="AH16" s="482"/>
      <c r="AI16" s="486"/>
      <c r="AJ16" s="481"/>
      <c r="AK16" s="481"/>
      <c r="AL16" s="481"/>
      <c r="AM16" s="487"/>
      <c r="AN16" s="480"/>
      <c r="AO16" s="481"/>
      <c r="AP16" s="481"/>
      <c r="AQ16" s="481"/>
      <c r="AR16" s="482"/>
      <c r="AS16" s="342"/>
      <c r="AT16" s="333"/>
      <c r="AU16" s="333"/>
      <c r="AV16" s="334"/>
      <c r="AW16" s="205"/>
      <c r="AX16" s="198"/>
      <c r="AY16" s="499"/>
      <c r="AZ16" s="495"/>
      <c r="BA16" s="251"/>
      <c r="BB16" s="496"/>
      <c r="BC16" s="495"/>
      <c r="BD16" s="251"/>
      <c r="BE16" s="251"/>
      <c r="BF16" s="480"/>
      <c r="BG16" s="481"/>
      <c r="BH16" s="490"/>
      <c r="BI16" s="23"/>
      <c r="BJ16" s="24"/>
      <c r="BK16" s="24"/>
      <c r="BL16" s="24"/>
      <c r="BM16" s="25"/>
      <c r="BN16" s="23"/>
      <c r="BO16" s="24"/>
      <c r="BP16" s="24"/>
      <c r="BQ16" s="24"/>
      <c r="BR16" s="25"/>
      <c r="BS16" s="26"/>
      <c r="BT16" s="24"/>
      <c r="BU16" s="24"/>
      <c r="BV16" s="26"/>
      <c r="BW16" s="27"/>
    </row>
    <row r="17" spans="1:75" ht="9.9" customHeight="1">
      <c r="A17" s="298"/>
      <c r="B17" s="340"/>
      <c r="C17" s="336"/>
      <c r="D17" s="336"/>
      <c r="E17" s="337"/>
      <c r="F17" s="340"/>
      <c r="G17" s="336"/>
      <c r="H17" s="336"/>
      <c r="I17" s="337"/>
      <c r="J17" s="543"/>
      <c r="K17" s="544"/>
      <c r="L17" s="544"/>
      <c r="M17" s="544"/>
      <c r="N17" s="544"/>
      <c r="O17" s="544"/>
      <c r="P17" s="544"/>
      <c r="Q17" s="544"/>
      <c r="R17" s="545"/>
      <c r="S17" s="524"/>
      <c r="T17" s="484"/>
      <c r="U17" s="484"/>
      <c r="V17" s="484"/>
      <c r="W17" s="484"/>
      <c r="X17" s="484"/>
      <c r="Y17" s="484"/>
      <c r="Z17" s="491"/>
      <c r="AA17" s="524"/>
      <c r="AB17" s="484"/>
      <c r="AC17" s="484"/>
      <c r="AD17" s="484"/>
      <c r="AE17" s="484"/>
      <c r="AF17" s="484"/>
      <c r="AG17" s="484"/>
      <c r="AH17" s="485"/>
      <c r="AI17" s="488"/>
      <c r="AJ17" s="484"/>
      <c r="AK17" s="484"/>
      <c r="AL17" s="484"/>
      <c r="AM17" s="489"/>
      <c r="AN17" s="483"/>
      <c r="AO17" s="484"/>
      <c r="AP17" s="484"/>
      <c r="AQ17" s="484"/>
      <c r="AR17" s="485"/>
      <c r="AS17" s="343"/>
      <c r="AT17" s="336"/>
      <c r="AU17" s="336"/>
      <c r="AV17" s="337"/>
      <c r="AW17" s="207"/>
      <c r="AX17" s="200"/>
      <c r="AY17" s="287"/>
      <c r="AZ17" s="497"/>
      <c r="BA17" s="254"/>
      <c r="BB17" s="498"/>
      <c r="BC17" s="497"/>
      <c r="BD17" s="254"/>
      <c r="BE17" s="254"/>
      <c r="BF17" s="483"/>
      <c r="BG17" s="484"/>
      <c r="BH17" s="491"/>
      <c r="BI17" s="28"/>
      <c r="BJ17" s="29"/>
      <c r="BK17" s="29"/>
      <c r="BL17" s="29"/>
      <c r="BM17" s="30"/>
      <c r="BN17" s="28"/>
      <c r="BO17" s="29"/>
      <c r="BP17" s="29"/>
      <c r="BQ17" s="29"/>
      <c r="BR17" s="30"/>
      <c r="BS17" s="31"/>
      <c r="BT17" s="29"/>
      <c r="BU17" s="29"/>
      <c r="BV17" s="31"/>
      <c r="BW17" s="32"/>
    </row>
    <row r="18" spans="1:75" ht="9.9" customHeight="1">
      <c r="A18" s="298">
        <v>4</v>
      </c>
      <c r="B18" s="338"/>
      <c r="C18" s="333"/>
      <c r="D18" s="333"/>
      <c r="E18" s="334"/>
      <c r="F18" s="338"/>
      <c r="G18" s="333"/>
      <c r="H18" s="333"/>
      <c r="I18" s="334"/>
      <c r="J18" s="540" t="s">
        <v>91</v>
      </c>
      <c r="K18" s="541"/>
      <c r="L18" s="541"/>
      <c r="M18" s="541"/>
      <c r="N18" s="541"/>
      <c r="O18" s="541"/>
      <c r="P18" s="541"/>
      <c r="Q18" s="541"/>
      <c r="R18" s="542"/>
      <c r="S18" s="523"/>
      <c r="T18" s="481"/>
      <c r="U18" s="481"/>
      <c r="V18" s="481" t="s">
        <v>32</v>
      </c>
      <c r="W18" s="481"/>
      <c r="X18" s="481"/>
      <c r="Y18" s="481"/>
      <c r="Z18" s="490"/>
      <c r="AA18" s="523"/>
      <c r="AB18" s="481"/>
      <c r="AC18" s="481"/>
      <c r="AD18" s="481" t="s">
        <v>32</v>
      </c>
      <c r="AE18" s="481"/>
      <c r="AF18" s="481"/>
      <c r="AG18" s="481"/>
      <c r="AH18" s="482"/>
      <c r="AI18" s="486"/>
      <c r="AJ18" s="481"/>
      <c r="AK18" s="481"/>
      <c r="AL18" s="481"/>
      <c r="AM18" s="487"/>
      <c r="AN18" s="480"/>
      <c r="AO18" s="481"/>
      <c r="AP18" s="481"/>
      <c r="AQ18" s="481"/>
      <c r="AR18" s="482"/>
      <c r="AS18" s="342"/>
      <c r="AT18" s="333"/>
      <c r="AU18" s="333"/>
      <c r="AV18" s="334"/>
      <c r="AW18" s="205"/>
      <c r="AX18" s="198"/>
      <c r="AY18" s="499"/>
      <c r="AZ18" s="495"/>
      <c r="BA18" s="251"/>
      <c r="BB18" s="496"/>
      <c r="BC18" s="495"/>
      <c r="BD18" s="251"/>
      <c r="BE18" s="251"/>
      <c r="BF18" s="480"/>
      <c r="BG18" s="481"/>
      <c r="BH18" s="490"/>
      <c r="BI18" s="23"/>
      <c r="BJ18" s="24"/>
      <c r="BK18" s="24"/>
      <c r="BL18" s="24"/>
      <c r="BM18" s="25"/>
      <c r="BN18" s="23"/>
      <c r="BO18" s="24"/>
      <c r="BP18" s="24"/>
      <c r="BQ18" s="24"/>
      <c r="BR18" s="25"/>
      <c r="BS18" s="26"/>
      <c r="BT18" s="24"/>
      <c r="BU18" s="24"/>
      <c r="BV18" s="26"/>
      <c r="BW18" s="27"/>
    </row>
    <row r="19" spans="1:75" ht="9.9" customHeight="1">
      <c r="A19" s="298"/>
      <c r="B19" s="340"/>
      <c r="C19" s="336"/>
      <c r="D19" s="336"/>
      <c r="E19" s="337"/>
      <c r="F19" s="340"/>
      <c r="G19" s="336"/>
      <c r="H19" s="336"/>
      <c r="I19" s="337"/>
      <c r="J19" s="543"/>
      <c r="K19" s="544"/>
      <c r="L19" s="544"/>
      <c r="M19" s="544"/>
      <c r="N19" s="544"/>
      <c r="O19" s="544"/>
      <c r="P19" s="544"/>
      <c r="Q19" s="544"/>
      <c r="R19" s="545"/>
      <c r="S19" s="524"/>
      <c r="T19" s="484"/>
      <c r="U19" s="484"/>
      <c r="V19" s="484"/>
      <c r="W19" s="484"/>
      <c r="X19" s="484"/>
      <c r="Y19" s="484"/>
      <c r="Z19" s="491"/>
      <c r="AA19" s="524"/>
      <c r="AB19" s="484"/>
      <c r="AC19" s="484"/>
      <c r="AD19" s="484"/>
      <c r="AE19" s="484"/>
      <c r="AF19" s="484"/>
      <c r="AG19" s="484"/>
      <c r="AH19" s="485"/>
      <c r="AI19" s="488"/>
      <c r="AJ19" s="484"/>
      <c r="AK19" s="484"/>
      <c r="AL19" s="484"/>
      <c r="AM19" s="489"/>
      <c r="AN19" s="483"/>
      <c r="AO19" s="484"/>
      <c r="AP19" s="484"/>
      <c r="AQ19" s="484"/>
      <c r="AR19" s="485"/>
      <c r="AS19" s="343"/>
      <c r="AT19" s="336"/>
      <c r="AU19" s="336"/>
      <c r="AV19" s="337"/>
      <c r="AW19" s="207"/>
      <c r="AX19" s="200"/>
      <c r="AY19" s="287"/>
      <c r="AZ19" s="497"/>
      <c r="BA19" s="254"/>
      <c r="BB19" s="498"/>
      <c r="BC19" s="497"/>
      <c r="BD19" s="254"/>
      <c r="BE19" s="254"/>
      <c r="BF19" s="483"/>
      <c r="BG19" s="484"/>
      <c r="BH19" s="491"/>
      <c r="BI19" s="28"/>
      <c r="BJ19" s="29"/>
      <c r="BK19" s="29"/>
      <c r="BL19" s="29"/>
      <c r="BM19" s="30"/>
      <c r="BN19" s="28"/>
      <c r="BO19" s="29"/>
      <c r="BP19" s="29"/>
      <c r="BQ19" s="29"/>
      <c r="BR19" s="30"/>
      <c r="BS19" s="31"/>
      <c r="BT19" s="29"/>
      <c r="BU19" s="29"/>
      <c r="BV19" s="31"/>
      <c r="BW19" s="32"/>
    </row>
    <row r="20" spans="1:75" ht="9.9" customHeight="1">
      <c r="A20" s="298">
        <v>5</v>
      </c>
      <c r="B20" s="338"/>
      <c r="C20" s="333"/>
      <c r="D20" s="333"/>
      <c r="E20" s="334"/>
      <c r="F20" s="338"/>
      <c r="G20" s="333"/>
      <c r="H20" s="333"/>
      <c r="I20" s="334"/>
      <c r="J20" s="540" t="s">
        <v>91</v>
      </c>
      <c r="K20" s="541"/>
      <c r="L20" s="541"/>
      <c r="M20" s="541"/>
      <c r="N20" s="541"/>
      <c r="O20" s="541"/>
      <c r="P20" s="541"/>
      <c r="Q20" s="541"/>
      <c r="R20" s="542"/>
      <c r="S20" s="523"/>
      <c r="T20" s="481"/>
      <c r="U20" s="481"/>
      <c r="V20" s="481" t="s">
        <v>32</v>
      </c>
      <c r="W20" s="481"/>
      <c r="X20" s="481"/>
      <c r="Y20" s="481"/>
      <c r="Z20" s="490"/>
      <c r="AA20" s="523"/>
      <c r="AB20" s="481"/>
      <c r="AC20" s="481"/>
      <c r="AD20" s="481" t="s">
        <v>32</v>
      </c>
      <c r="AE20" s="481"/>
      <c r="AF20" s="481"/>
      <c r="AG20" s="481"/>
      <c r="AH20" s="482"/>
      <c r="AI20" s="486"/>
      <c r="AJ20" s="481"/>
      <c r="AK20" s="481"/>
      <c r="AL20" s="481"/>
      <c r="AM20" s="487"/>
      <c r="AN20" s="480"/>
      <c r="AO20" s="481"/>
      <c r="AP20" s="481"/>
      <c r="AQ20" s="481"/>
      <c r="AR20" s="482"/>
      <c r="AS20" s="342"/>
      <c r="AT20" s="333"/>
      <c r="AU20" s="333"/>
      <c r="AV20" s="334"/>
      <c r="AW20" s="205"/>
      <c r="AX20" s="198"/>
      <c r="AY20" s="499"/>
      <c r="AZ20" s="495"/>
      <c r="BA20" s="251"/>
      <c r="BB20" s="496"/>
      <c r="BC20" s="495"/>
      <c r="BD20" s="251"/>
      <c r="BE20" s="251"/>
      <c r="BF20" s="480"/>
      <c r="BG20" s="481"/>
      <c r="BH20" s="490"/>
      <c r="BI20" s="23"/>
      <c r="BJ20" s="24"/>
      <c r="BK20" s="24"/>
      <c r="BL20" s="24"/>
      <c r="BM20" s="25"/>
      <c r="BN20" s="23"/>
      <c r="BO20" s="24"/>
      <c r="BP20" s="24"/>
      <c r="BQ20" s="24"/>
      <c r="BR20" s="25"/>
      <c r="BS20" s="26"/>
      <c r="BT20" s="24"/>
      <c r="BU20" s="24"/>
      <c r="BV20" s="26"/>
      <c r="BW20" s="27"/>
    </row>
    <row r="21" spans="1:75" ht="9.9" customHeight="1">
      <c r="A21" s="298"/>
      <c r="B21" s="340"/>
      <c r="C21" s="336"/>
      <c r="D21" s="336"/>
      <c r="E21" s="337"/>
      <c r="F21" s="340"/>
      <c r="G21" s="336"/>
      <c r="H21" s="336"/>
      <c r="I21" s="337"/>
      <c r="J21" s="543"/>
      <c r="K21" s="544"/>
      <c r="L21" s="544"/>
      <c r="M21" s="544"/>
      <c r="N21" s="544"/>
      <c r="O21" s="544"/>
      <c r="P21" s="544"/>
      <c r="Q21" s="544"/>
      <c r="R21" s="545"/>
      <c r="S21" s="524"/>
      <c r="T21" s="484"/>
      <c r="U21" s="484"/>
      <c r="V21" s="484"/>
      <c r="W21" s="484"/>
      <c r="X21" s="484"/>
      <c r="Y21" s="484"/>
      <c r="Z21" s="491"/>
      <c r="AA21" s="524"/>
      <c r="AB21" s="484"/>
      <c r="AC21" s="484"/>
      <c r="AD21" s="484"/>
      <c r="AE21" s="484"/>
      <c r="AF21" s="484"/>
      <c r="AG21" s="484"/>
      <c r="AH21" s="485"/>
      <c r="AI21" s="488"/>
      <c r="AJ21" s="484"/>
      <c r="AK21" s="484"/>
      <c r="AL21" s="484"/>
      <c r="AM21" s="489"/>
      <c r="AN21" s="483"/>
      <c r="AO21" s="484"/>
      <c r="AP21" s="484"/>
      <c r="AQ21" s="484"/>
      <c r="AR21" s="485"/>
      <c r="AS21" s="343"/>
      <c r="AT21" s="336"/>
      <c r="AU21" s="336"/>
      <c r="AV21" s="337"/>
      <c r="AW21" s="207"/>
      <c r="AX21" s="200"/>
      <c r="AY21" s="287"/>
      <c r="AZ21" s="497"/>
      <c r="BA21" s="254"/>
      <c r="BB21" s="498"/>
      <c r="BC21" s="497"/>
      <c r="BD21" s="254"/>
      <c r="BE21" s="254"/>
      <c r="BF21" s="483"/>
      <c r="BG21" s="484"/>
      <c r="BH21" s="491"/>
      <c r="BI21" s="28"/>
      <c r="BJ21" s="29"/>
      <c r="BK21" s="29"/>
      <c r="BL21" s="29"/>
      <c r="BM21" s="30"/>
      <c r="BN21" s="28"/>
      <c r="BO21" s="29"/>
      <c r="BP21" s="29"/>
      <c r="BQ21" s="29"/>
      <c r="BR21" s="30"/>
      <c r="BS21" s="31"/>
      <c r="BT21" s="29"/>
      <c r="BU21" s="29"/>
      <c r="BV21" s="31"/>
      <c r="BW21" s="32"/>
    </row>
    <row r="22" spans="1:75" ht="9.9" customHeight="1">
      <c r="A22" s="298">
        <v>6</v>
      </c>
      <c r="B22" s="338"/>
      <c r="C22" s="333"/>
      <c r="D22" s="333"/>
      <c r="E22" s="334"/>
      <c r="F22" s="338"/>
      <c r="G22" s="333"/>
      <c r="H22" s="333"/>
      <c r="I22" s="334"/>
      <c r="J22" s="540" t="s">
        <v>91</v>
      </c>
      <c r="K22" s="541"/>
      <c r="L22" s="541"/>
      <c r="M22" s="541"/>
      <c r="N22" s="541"/>
      <c r="O22" s="541"/>
      <c r="P22" s="541"/>
      <c r="Q22" s="541"/>
      <c r="R22" s="542"/>
      <c r="S22" s="523"/>
      <c r="T22" s="481"/>
      <c r="U22" s="481"/>
      <c r="V22" s="481" t="s">
        <v>32</v>
      </c>
      <c r="W22" s="481"/>
      <c r="X22" s="481"/>
      <c r="Y22" s="481"/>
      <c r="Z22" s="490"/>
      <c r="AA22" s="523"/>
      <c r="AB22" s="481"/>
      <c r="AC22" s="481"/>
      <c r="AD22" s="481" t="s">
        <v>32</v>
      </c>
      <c r="AE22" s="481"/>
      <c r="AF22" s="481"/>
      <c r="AG22" s="481"/>
      <c r="AH22" s="482"/>
      <c r="AI22" s="486"/>
      <c r="AJ22" s="481"/>
      <c r="AK22" s="481"/>
      <c r="AL22" s="481"/>
      <c r="AM22" s="487"/>
      <c r="AN22" s="480"/>
      <c r="AO22" s="481"/>
      <c r="AP22" s="481"/>
      <c r="AQ22" s="481"/>
      <c r="AR22" s="482"/>
      <c r="AS22" s="342"/>
      <c r="AT22" s="333"/>
      <c r="AU22" s="333"/>
      <c r="AV22" s="334"/>
      <c r="AW22" s="205"/>
      <c r="AX22" s="198"/>
      <c r="AY22" s="499"/>
      <c r="AZ22" s="495"/>
      <c r="BA22" s="251"/>
      <c r="BB22" s="496"/>
      <c r="BC22" s="495"/>
      <c r="BD22" s="251"/>
      <c r="BE22" s="251"/>
      <c r="BF22" s="480"/>
      <c r="BG22" s="481"/>
      <c r="BH22" s="490"/>
      <c r="BI22" s="23"/>
      <c r="BJ22" s="24"/>
      <c r="BK22" s="24"/>
      <c r="BL22" s="24"/>
      <c r="BM22" s="25"/>
      <c r="BN22" s="23"/>
      <c r="BO22" s="24"/>
      <c r="BP22" s="24"/>
      <c r="BQ22" s="24"/>
      <c r="BR22" s="25"/>
      <c r="BS22" s="26"/>
      <c r="BT22" s="24"/>
      <c r="BU22" s="24"/>
      <c r="BV22" s="26"/>
      <c r="BW22" s="27"/>
    </row>
    <row r="23" spans="1:75" ht="9.9" customHeight="1">
      <c r="A23" s="298"/>
      <c r="B23" s="340"/>
      <c r="C23" s="336"/>
      <c r="D23" s="336"/>
      <c r="E23" s="337"/>
      <c r="F23" s="340"/>
      <c r="G23" s="336"/>
      <c r="H23" s="336"/>
      <c r="I23" s="337"/>
      <c r="J23" s="543"/>
      <c r="K23" s="544"/>
      <c r="L23" s="544"/>
      <c r="M23" s="544"/>
      <c r="N23" s="544"/>
      <c r="O23" s="544"/>
      <c r="P23" s="544"/>
      <c r="Q23" s="544"/>
      <c r="R23" s="545"/>
      <c r="S23" s="524"/>
      <c r="T23" s="484"/>
      <c r="U23" s="484"/>
      <c r="V23" s="484"/>
      <c r="W23" s="484"/>
      <c r="X23" s="484"/>
      <c r="Y23" s="484"/>
      <c r="Z23" s="491"/>
      <c r="AA23" s="524"/>
      <c r="AB23" s="484"/>
      <c r="AC23" s="484"/>
      <c r="AD23" s="484"/>
      <c r="AE23" s="484"/>
      <c r="AF23" s="484"/>
      <c r="AG23" s="484"/>
      <c r="AH23" s="485"/>
      <c r="AI23" s="488"/>
      <c r="AJ23" s="484"/>
      <c r="AK23" s="484"/>
      <c r="AL23" s="484"/>
      <c r="AM23" s="489"/>
      <c r="AN23" s="483"/>
      <c r="AO23" s="484"/>
      <c r="AP23" s="484"/>
      <c r="AQ23" s="484"/>
      <c r="AR23" s="485"/>
      <c r="AS23" s="343"/>
      <c r="AT23" s="336"/>
      <c r="AU23" s="336"/>
      <c r="AV23" s="337"/>
      <c r="AW23" s="207"/>
      <c r="AX23" s="200"/>
      <c r="AY23" s="287"/>
      <c r="AZ23" s="497"/>
      <c r="BA23" s="254"/>
      <c r="BB23" s="498"/>
      <c r="BC23" s="497"/>
      <c r="BD23" s="254"/>
      <c r="BE23" s="254"/>
      <c r="BF23" s="483"/>
      <c r="BG23" s="484"/>
      <c r="BH23" s="491"/>
      <c r="BI23" s="28"/>
      <c r="BJ23" s="29"/>
      <c r="BK23" s="29"/>
      <c r="BL23" s="29"/>
      <c r="BM23" s="30"/>
      <c r="BN23" s="28"/>
      <c r="BO23" s="29"/>
      <c r="BP23" s="29"/>
      <c r="BQ23" s="29"/>
      <c r="BR23" s="30"/>
      <c r="BS23" s="31"/>
      <c r="BT23" s="29"/>
      <c r="BU23" s="29"/>
      <c r="BV23" s="31"/>
      <c r="BW23" s="32"/>
    </row>
    <row r="24" spans="1:75" ht="9.9" customHeight="1">
      <c r="A24" s="298">
        <v>7</v>
      </c>
      <c r="B24" s="338"/>
      <c r="C24" s="333"/>
      <c r="D24" s="333"/>
      <c r="E24" s="334"/>
      <c r="F24" s="338"/>
      <c r="G24" s="333"/>
      <c r="H24" s="333"/>
      <c r="I24" s="334"/>
      <c r="J24" s="540" t="s">
        <v>91</v>
      </c>
      <c r="K24" s="541"/>
      <c r="L24" s="541"/>
      <c r="M24" s="541"/>
      <c r="N24" s="541"/>
      <c r="O24" s="541"/>
      <c r="P24" s="541"/>
      <c r="Q24" s="541"/>
      <c r="R24" s="542"/>
      <c r="S24" s="523"/>
      <c r="T24" s="481"/>
      <c r="U24" s="481"/>
      <c r="V24" s="481" t="s">
        <v>32</v>
      </c>
      <c r="W24" s="481"/>
      <c r="X24" s="481"/>
      <c r="Y24" s="481"/>
      <c r="Z24" s="490"/>
      <c r="AA24" s="523"/>
      <c r="AB24" s="481"/>
      <c r="AC24" s="481"/>
      <c r="AD24" s="481" t="s">
        <v>32</v>
      </c>
      <c r="AE24" s="481"/>
      <c r="AF24" s="481"/>
      <c r="AG24" s="481"/>
      <c r="AH24" s="482"/>
      <c r="AI24" s="486"/>
      <c r="AJ24" s="481"/>
      <c r="AK24" s="481"/>
      <c r="AL24" s="481"/>
      <c r="AM24" s="487"/>
      <c r="AN24" s="480"/>
      <c r="AO24" s="481"/>
      <c r="AP24" s="481"/>
      <c r="AQ24" s="481"/>
      <c r="AR24" s="482"/>
      <c r="AS24" s="342"/>
      <c r="AT24" s="333"/>
      <c r="AU24" s="333"/>
      <c r="AV24" s="334"/>
      <c r="AW24" s="205"/>
      <c r="AX24" s="198"/>
      <c r="AY24" s="499"/>
      <c r="AZ24" s="495"/>
      <c r="BA24" s="251"/>
      <c r="BB24" s="496"/>
      <c r="BC24" s="495"/>
      <c r="BD24" s="251"/>
      <c r="BE24" s="251"/>
      <c r="BF24" s="480"/>
      <c r="BG24" s="481"/>
      <c r="BH24" s="490"/>
      <c r="BI24" s="23"/>
      <c r="BJ24" s="24"/>
      <c r="BK24" s="24"/>
      <c r="BL24" s="24"/>
      <c r="BM24" s="25"/>
      <c r="BN24" s="23"/>
      <c r="BO24" s="24"/>
      <c r="BP24" s="24"/>
      <c r="BQ24" s="24"/>
      <c r="BR24" s="25"/>
      <c r="BS24" s="26"/>
      <c r="BT24" s="24"/>
      <c r="BU24" s="24"/>
      <c r="BV24" s="26"/>
      <c r="BW24" s="27"/>
    </row>
    <row r="25" spans="1:75" ht="9.9" customHeight="1">
      <c r="A25" s="298"/>
      <c r="B25" s="340"/>
      <c r="C25" s="336"/>
      <c r="D25" s="336"/>
      <c r="E25" s="337"/>
      <c r="F25" s="340"/>
      <c r="G25" s="336"/>
      <c r="H25" s="336"/>
      <c r="I25" s="337"/>
      <c r="J25" s="543"/>
      <c r="K25" s="544"/>
      <c r="L25" s="544"/>
      <c r="M25" s="544"/>
      <c r="N25" s="544"/>
      <c r="O25" s="544"/>
      <c r="P25" s="544"/>
      <c r="Q25" s="544"/>
      <c r="R25" s="545"/>
      <c r="S25" s="524"/>
      <c r="T25" s="484"/>
      <c r="U25" s="484"/>
      <c r="V25" s="484"/>
      <c r="W25" s="484"/>
      <c r="X25" s="484"/>
      <c r="Y25" s="484"/>
      <c r="Z25" s="491"/>
      <c r="AA25" s="524"/>
      <c r="AB25" s="484"/>
      <c r="AC25" s="484"/>
      <c r="AD25" s="484"/>
      <c r="AE25" s="484"/>
      <c r="AF25" s="484"/>
      <c r="AG25" s="484"/>
      <c r="AH25" s="485"/>
      <c r="AI25" s="488"/>
      <c r="AJ25" s="484"/>
      <c r="AK25" s="484"/>
      <c r="AL25" s="484"/>
      <c r="AM25" s="489"/>
      <c r="AN25" s="483"/>
      <c r="AO25" s="484"/>
      <c r="AP25" s="484"/>
      <c r="AQ25" s="484"/>
      <c r="AR25" s="485"/>
      <c r="AS25" s="343"/>
      <c r="AT25" s="336"/>
      <c r="AU25" s="336"/>
      <c r="AV25" s="337"/>
      <c r="AW25" s="207"/>
      <c r="AX25" s="200"/>
      <c r="AY25" s="287"/>
      <c r="AZ25" s="497"/>
      <c r="BA25" s="254"/>
      <c r="BB25" s="498"/>
      <c r="BC25" s="497"/>
      <c r="BD25" s="254"/>
      <c r="BE25" s="254"/>
      <c r="BF25" s="483"/>
      <c r="BG25" s="484"/>
      <c r="BH25" s="491"/>
      <c r="BI25" s="28"/>
      <c r="BJ25" s="29"/>
      <c r="BK25" s="29"/>
      <c r="BL25" s="29"/>
      <c r="BM25" s="30"/>
      <c r="BN25" s="28"/>
      <c r="BO25" s="29"/>
      <c r="BP25" s="29"/>
      <c r="BQ25" s="29"/>
      <c r="BR25" s="30"/>
      <c r="BS25" s="31"/>
      <c r="BT25" s="29"/>
      <c r="BU25" s="29"/>
      <c r="BV25" s="31"/>
      <c r="BW25" s="32"/>
    </row>
    <row r="26" spans="1:75" ht="9.9" customHeight="1">
      <c r="A26" s="298">
        <v>8</v>
      </c>
      <c r="B26" s="338"/>
      <c r="C26" s="333"/>
      <c r="D26" s="333"/>
      <c r="E26" s="334"/>
      <c r="F26" s="338"/>
      <c r="G26" s="333"/>
      <c r="H26" s="333"/>
      <c r="I26" s="334"/>
      <c r="J26" s="540" t="s">
        <v>91</v>
      </c>
      <c r="K26" s="541"/>
      <c r="L26" s="541"/>
      <c r="M26" s="541"/>
      <c r="N26" s="541"/>
      <c r="O26" s="541"/>
      <c r="P26" s="541"/>
      <c r="Q26" s="541"/>
      <c r="R26" s="542"/>
      <c r="S26" s="523"/>
      <c r="T26" s="481"/>
      <c r="U26" s="481"/>
      <c r="V26" s="481" t="s">
        <v>32</v>
      </c>
      <c r="W26" s="481"/>
      <c r="X26" s="481"/>
      <c r="Y26" s="481"/>
      <c r="Z26" s="490"/>
      <c r="AA26" s="523"/>
      <c r="AB26" s="481"/>
      <c r="AC26" s="481"/>
      <c r="AD26" s="481" t="s">
        <v>32</v>
      </c>
      <c r="AE26" s="481"/>
      <c r="AF26" s="481"/>
      <c r="AG26" s="481"/>
      <c r="AH26" s="482"/>
      <c r="AI26" s="486"/>
      <c r="AJ26" s="481"/>
      <c r="AK26" s="481"/>
      <c r="AL26" s="481"/>
      <c r="AM26" s="487"/>
      <c r="AN26" s="480"/>
      <c r="AO26" s="481"/>
      <c r="AP26" s="481"/>
      <c r="AQ26" s="481"/>
      <c r="AR26" s="482"/>
      <c r="AS26" s="342"/>
      <c r="AT26" s="333"/>
      <c r="AU26" s="333"/>
      <c r="AV26" s="334"/>
      <c r="AW26" s="205"/>
      <c r="AX26" s="198"/>
      <c r="AY26" s="499"/>
      <c r="AZ26" s="495"/>
      <c r="BA26" s="251"/>
      <c r="BB26" s="496"/>
      <c r="BC26" s="495"/>
      <c r="BD26" s="251"/>
      <c r="BE26" s="251"/>
      <c r="BF26" s="480"/>
      <c r="BG26" s="481"/>
      <c r="BH26" s="490"/>
      <c r="BI26" s="23"/>
      <c r="BJ26" s="24"/>
      <c r="BK26" s="24"/>
      <c r="BL26" s="24"/>
      <c r="BM26" s="25"/>
      <c r="BN26" s="23"/>
      <c r="BO26" s="24"/>
      <c r="BP26" s="24"/>
      <c r="BQ26" s="24"/>
      <c r="BR26" s="25"/>
      <c r="BS26" s="26"/>
      <c r="BT26" s="24"/>
      <c r="BU26" s="24"/>
      <c r="BV26" s="26"/>
      <c r="BW26" s="27"/>
    </row>
    <row r="27" spans="1:75" ht="9.9" customHeight="1">
      <c r="A27" s="298"/>
      <c r="B27" s="340"/>
      <c r="C27" s="336"/>
      <c r="D27" s="336"/>
      <c r="E27" s="337"/>
      <c r="F27" s="340"/>
      <c r="G27" s="336"/>
      <c r="H27" s="336"/>
      <c r="I27" s="337"/>
      <c r="J27" s="543"/>
      <c r="K27" s="544"/>
      <c r="L27" s="544"/>
      <c r="M27" s="544"/>
      <c r="N27" s="544"/>
      <c r="O27" s="544"/>
      <c r="P27" s="544"/>
      <c r="Q27" s="544"/>
      <c r="R27" s="545"/>
      <c r="S27" s="524"/>
      <c r="T27" s="484"/>
      <c r="U27" s="484"/>
      <c r="V27" s="484"/>
      <c r="W27" s="484"/>
      <c r="X27" s="484"/>
      <c r="Y27" s="484"/>
      <c r="Z27" s="491"/>
      <c r="AA27" s="524"/>
      <c r="AB27" s="484"/>
      <c r="AC27" s="484"/>
      <c r="AD27" s="484"/>
      <c r="AE27" s="484"/>
      <c r="AF27" s="484"/>
      <c r="AG27" s="484"/>
      <c r="AH27" s="485"/>
      <c r="AI27" s="488"/>
      <c r="AJ27" s="484"/>
      <c r="AK27" s="484"/>
      <c r="AL27" s="484"/>
      <c r="AM27" s="489"/>
      <c r="AN27" s="483"/>
      <c r="AO27" s="484"/>
      <c r="AP27" s="484"/>
      <c r="AQ27" s="484"/>
      <c r="AR27" s="485"/>
      <c r="AS27" s="343"/>
      <c r="AT27" s="336"/>
      <c r="AU27" s="336"/>
      <c r="AV27" s="337"/>
      <c r="AW27" s="207"/>
      <c r="AX27" s="200"/>
      <c r="AY27" s="287"/>
      <c r="AZ27" s="497"/>
      <c r="BA27" s="254"/>
      <c r="BB27" s="498"/>
      <c r="BC27" s="497"/>
      <c r="BD27" s="254"/>
      <c r="BE27" s="254"/>
      <c r="BF27" s="483"/>
      <c r="BG27" s="484"/>
      <c r="BH27" s="491"/>
      <c r="BI27" s="28"/>
      <c r="BJ27" s="29"/>
      <c r="BK27" s="29"/>
      <c r="BL27" s="29"/>
      <c r="BM27" s="30"/>
      <c r="BN27" s="28"/>
      <c r="BO27" s="29"/>
      <c r="BP27" s="29"/>
      <c r="BQ27" s="29"/>
      <c r="BR27" s="30"/>
      <c r="BS27" s="31"/>
      <c r="BT27" s="29"/>
      <c r="BU27" s="29"/>
      <c r="BV27" s="31"/>
      <c r="BW27" s="32"/>
    </row>
    <row r="28" spans="1:75" ht="9.9" customHeight="1">
      <c r="A28" s="298">
        <v>9</v>
      </c>
      <c r="B28" s="338"/>
      <c r="C28" s="333"/>
      <c r="D28" s="333"/>
      <c r="E28" s="334"/>
      <c r="F28" s="338"/>
      <c r="G28" s="333"/>
      <c r="H28" s="333"/>
      <c r="I28" s="334"/>
      <c r="J28" s="540" t="s">
        <v>91</v>
      </c>
      <c r="K28" s="541"/>
      <c r="L28" s="541"/>
      <c r="M28" s="541"/>
      <c r="N28" s="541"/>
      <c r="O28" s="541"/>
      <c r="P28" s="541"/>
      <c r="Q28" s="541"/>
      <c r="R28" s="542"/>
      <c r="S28" s="523"/>
      <c r="T28" s="481"/>
      <c r="U28" s="481"/>
      <c r="V28" s="481" t="s">
        <v>32</v>
      </c>
      <c r="W28" s="481"/>
      <c r="X28" s="481"/>
      <c r="Y28" s="481"/>
      <c r="Z28" s="490"/>
      <c r="AA28" s="523"/>
      <c r="AB28" s="481"/>
      <c r="AC28" s="481"/>
      <c r="AD28" s="481" t="s">
        <v>32</v>
      </c>
      <c r="AE28" s="481"/>
      <c r="AF28" s="481"/>
      <c r="AG28" s="481"/>
      <c r="AH28" s="482"/>
      <c r="AI28" s="486"/>
      <c r="AJ28" s="481"/>
      <c r="AK28" s="481"/>
      <c r="AL28" s="481"/>
      <c r="AM28" s="487"/>
      <c r="AN28" s="480"/>
      <c r="AO28" s="481"/>
      <c r="AP28" s="481"/>
      <c r="AQ28" s="481"/>
      <c r="AR28" s="482"/>
      <c r="AS28" s="342"/>
      <c r="AT28" s="333"/>
      <c r="AU28" s="333"/>
      <c r="AV28" s="334"/>
      <c r="AW28" s="205"/>
      <c r="AX28" s="198"/>
      <c r="AY28" s="499"/>
      <c r="AZ28" s="495"/>
      <c r="BA28" s="251"/>
      <c r="BB28" s="496"/>
      <c r="BC28" s="495"/>
      <c r="BD28" s="251"/>
      <c r="BE28" s="251"/>
      <c r="BF28" s="480"/>
      <c r="BG28" s="481"/>
      <c r="BH28" s="490"/>
      <c r="BI28" s="23"/>
      <c r="BJ28" s="24"/>
      <c r="BK28" s="24"/>
      <c r="BL28" s="24"/>
      <c r="BM28" s="25"/>
      <c r="BN28" s="23"/>
      <c r="BO28" s="24"/>
      <c r="BP28" s="24"/>
      <c r="BQ28" s="24"/>
      <c r="BR28" s="25"/>
      <c r="BS28" s="26"/>
      <c r="BT28" s="24"/>
      <c r="BU28" s="24"/>
      <c r="BV28" s="26"/>
      <c r="BW28" s="27"/>
    </row>
    <row r="29" spans="1:75" ht="9.9" customHeight="1">
      <c r="A29" s="298"/>
      <c r="B29" s="340"/>
      <c r="C29" s="336"/>
      <c r="D29" s="336"/>
      <c r="E29" s="337"/>
      <c r="F29" s="340"/>
      <c r="G29" s="336"/>
      <c r="H29" s="336"/>
      <c r="I29" s="337"/>
      <c r="J29" s="543"/>
      <c r="K29" s="544"/>
      <c r="L29" s="544"/>
      <c r="M29" s="544"/>
      <c r="N29" s="544"/>
      <c r="O29" s="544"/>
      <c r="P29" s="544"/>
      <c r="Q29" s="544"/>
      <c r="R29" s="545"/>
      <c r="S29" s="524"/>
      <c r="T29" s="484"/>
      <c r="U29" s="484"/>
      <c r="V29" s="484"/>
      <c r="W29" s="484"/>
      <c r="X29" s="484"/>
      <c r="Y29" s="484"/>
      <c r="Z29" s="491"/>
      <c r="AA29" s="524"/>
      <c r="AB29" s="484"/>
      <c r="AC29" s="484"/>
      <c r="AD29" s="484"/>
      <c r="AE29" s="484"/>
      <c r="AF29" s="484"/>
      <c r="AG29" s="484"/>
      <c r="AH29" s="485"/>
      <c r="AI29" s="488"/>
      <c r="AJ29" s="484"/>
      <c r="AK29" s="484"/>
      <c r="AL29" s="484"/>
      <c r="AM29" s="489"/>
      <c r="AN29" s="483"/>
      <c r="AO29" s="484"/>
      <c r="AP29" s="484"/>
      <c r="AQ29" s="484"/>
      <c r="AR29" s="485"/>
      <c r="AS29" s="343"/>
      <c r="AT29" s="336"/>
      <c r="AU29" s="336"/>
      <c r="AV29" s="337"/>
      <c r="AW29" s="207"/>
      <c r="AX29" s="200"/>
      <c r="AY29" s="287"/>
      <c r="AZ29" s="497"/>
      <c r="BA29" s="254"/>
      <c r="BB29" s="498"/>
      <c r="BC29" s="497"/>
      <c r="BD29" s="254"/>
      <c r="BE29" s="254"/>
      <c r="BF29" s="483"/>
      <c r="BG29" s="484"/>
      <c r="BH29" s="491"/>
      <c r="BI29" s="28"/>
      <c r="BJ29" s="29"/>
      <c r="BK29" s="29"/>
      <c r="BL29" s="29"/>
      <c r="BM29" s="30"/>
      <c r="BN29" s="28"/>
      <c r="BO29" s="29"/>
      <c r="BP29" s="29"/>
      <c r="BQ29" s="29"/>
      <c r="BR29" s="30"/>
      <c r="BS29" s="31"/>
      <c r="BT29" s="29"/>
      <c r="BU29" s="29"/>
      <c r="BV29" s="31"/>
      <c r="BW29" s="32"/>
    </row>
    <row r="30" spans="1:75" ht="9.9" customHeight="1">
      <c r="A30" s="298">
        <v>10</v>
      </c>
      <c r="B30" s="338"/>
      <c r="C30" s="333"/>
      <c r="D30" s="333"/>
      <c r="E30" s="334"/>
      <c r="F30" s="338"/>
      <c r="G30" s="333"/>
      <c r="H30" s="333"/>
      <c r="I30" s="334"/>
      <c r="J30" s="540" t="s">
        <v>91</v>
      </c>
      <c r="K30" s="541"/>
      <c r="L30" s="541"/>
      <c r="M30" s="541"/>
      <c r="N30" s="541"/>
      <c r="O30" s="541"/>
      <c r="P30" s="541"/>
      <c r="Q30" s="541"/>
      <c r="R30" s="542"/>
      <c r="S30" s="523"/>
      <c r="T30" s="481"/>
      <c r="U30" s="481"/>
      <c r="V30" s="481" t="s">
        <v>32</v>
      </c>
      <c r="W30" s="481"/>
      <c r="X30" s="481"/>
      <c r="Y30" s="481"/>
      <c r="Z30" s="490"/>
      <c r="AA30" s="523"/>
      <c r="AB30" s="481"/>
      <c r="AC30" s="481"/>
      <c r="AD30" s="481" t="s">
        <v>32</v>
      </c>
      <c r="AE30" s="481"/>
      <c r="AF30" s="481"/>
      <c r="AG30" s="481"/>
      <c r="AH30" s="482"/>
      <c r="AI30" s="486"/>
      <c r="AJ30" s="481"/>
      <c r="AK30" s="481"/>
      <c r="AL30" s="481"/>
      <c r="AM30" s="487"/>
      <c r="AN30" s="480"/>
      <c r="AO30" s="481"/>
      <c r="AP30" s="481"/>
      <c r="AQ30" s="481"/>
      <c r="AR30" s="482"/>
      <c r="AS30" s="342"/>
      <c r="AT30" s="333"/>
      <c r="AU30" s="333"/>
      <c r="AV30" s="334"/>
      <c r="AW30" s="205"/>
      <c r="AX30" s="198"/>
      <c r="AY30" s="499"/>
      <c r="AZ30" s="495"/>
      <c r="BA30" s="251"/>
      <c r="BB30" s="496"/>
      <c r="BC30" s="495"/>
      <c r="BD30" s="251"/>
      <c r="BE30" s="251"/>
      <c r="BF30" s="480"/>
      <c r="BG30" s="481"/>
      <c r="BH30" s="490"/>
      <c r="BI30" s="23"/>
      <c r="BJ30" s="24"/>
      <c r="BK30" s="24"/>
      <c r="BL30" s="24"/>
      <c r="BM30" s="25"/>
      <c r="BN30" s="23"/>
      <c r="BO30" s="24"/>
      <c r="BP30" s="24"/>
      <c r="BQ30" s="24"/>
      <c r="BR30" s="25"/>
      <c r="BS30" s="26"/>
      <c r="BT30" s="24"/>
      <c r="BU30" s="24"/>
      <c r="BV30" s="26"/>
      <c r="BW30" s="27"/>
    </row>
    <row r="31" spans="1:75" ht="9.9" customHeight="1">
      <c r="A31" s="298"/>
      <c r="B31" s="340"/>
      <c r="C31" s="336"/>
      <c r="D31" s="336"/>
      <c r="E31" s="337"/>
      <c r="F31" s="340"/>
      <c r="G31" s="336"/>
      <c r="H31" s="336"/>
      <c r="I31" s="337"/>
      <c r="J31" s="543"/>
      <c r="K31" s="544"/>
      <c r="L31" s="544"/>
      <c r="M31" s="544"/>
      <c r="N31" s="544"/>
      <c r="O31" s="544"/>
      <c r="P31" s="544"/>
      <c r="Q31" s="544"/>
      <c r="R31" s="545"/>
      <c r="S31" s="524"/>
      <c r="T31" s="484"/>
      <c r="U31" s="484"/>
      <c r="V31" s="484"/>
      <c r="W31" s="484"/>
      <c r="X31" s="484"/>
      <c r="Y31" s="484"/>
      <c r="Z31" s="491"/>
      <c r="AA31" s="524"/>
      <c r="AB31" s="484"/>
      <c r="AC31" s="484"/>
      <c r="AD31" s="484"/>
      <c r="AE31" s="484"/>
      <c r="AF31" s="484"/>
      <c r="AG31" s="484"/>
      <c r="AH31" s="485"/>
      <c r="AI31" s="488"/>
      <c r="AJ31" s="484"/>
      <c r="AK31" s="484"/>
      <c r="AL31" s="484"/>
      <c r="AM31" s="489"/>
      <c r="AN31" s="483"/>
      <c r="AO31" s="484"/>
      <c r="AP31" s="484"/>
      <c r="AQ31" s="484"/>
      <c r="AR31" s="485"/>
      <c r="AS31" s="343"/>
      <c r="AT31" s="336"/>
      <c r="AU31" s="336"/>
      <c r="AV31" s="337"/>
      <c r="AW31" s="207"/>
      <c r="AX31" s="200"/>
      <c r="AY31" s="287"/>
      <c r="AZ31" s="497"/>
      <c r="BA31" s="254"/>
      <c r="BB31" s="498"/>
      <c r="BC31" s="497"/>
      <c r="BD31" s="254"/>
      <c r="BE31" s="254"/>
      <c r="BF31" s="483"/>
      <c r="BG31" s="484"/>
      <c r="BH31" s="491"/>
      <c r="BI31" s="28"/>
      <c r="BJ31" s="29"/>
      <c r="BK31" s="29"/>
      <c r="BL31" s="29"/>
      <c r="BM31" s="30"/>
      <c r="BN31" s="28"/>
      <c r="BO31" s="29"/>
      <c r="BP31" s="29"/>
      <c r="BQ31" s="29"/>
      <c r="BR31" s="30"/>
      <c r="BS31" s="31"/>
      <c r="BT31" s="29"/>
      <c r="BU31" s="29"/>
      <c r="BV31" s="31"/>
      <c r="BW31" s="32"/>
    </row>
    <row r="32" spans="1:75" ht="9.9" customHeight="1">
      <c r="A32" s="298">
        <v>11</v>
      </c>
      <c r="B32" s="338"/>
      <c r="C32" s="333"/>
      <c r="D32" s="333"/>
      <c r="E32" s="334"/>
      <c r="F32" s="338"/>
      <c r="G32" s="333"/>
      <c r="H32" s="333"/>
      <c r="I32" s="334"/>
      <c r="J32" s="540" t="s">
        <v>91</v>
      </c>
      <c r="K32" s="541"/>
      <c r="L32" s="541"/>
      <c r="M32" s="541"/>
      <c r="N32" s="541"/>
      <c r="O32" s="541"/>
      <c r="P32" s="541"/>
      <c r="Q32" s="541"/>
      <c r="R32" s="542"/>
      <c r="S32" s="523"/>
      <c r="T32" s="481"/>
      <c r="U32" s="481"/>
      <c r="V32" s="481" t="s">
        <v>32</v>
      </c>
      <c r="W32" s="481"/>
      <c r="X32" s="481"/>
      <c r="Y32" s="481"/>
      <c r="Z32" s="490"/>
      <c r="AA32" s="523"/>
      <c r="AB32" s="481"/>
      <c r="AC32" s="481"/>
      <c r="AD32" s="481" t="s">
        <v>32</v>
      </c>
      <c r="AE32" s="481"/>
      <c r="AF32" s="481"/>
      <c r="AG32" s="481"/>
      <c r="AH32" s="482"/>
      <c r="AI32" s="486"/>
      <c r="AJ32" s="481"/>
      <c r="AK32" s="481"/>
      <c r="AL32" s="481"/>
      <c r="AM32" s="487"/>
      <c r="AN32" s="480"/>
      <c r="AO32" s="481"/>
      <c r="AP32" s="481"/>
      <c r="AQ32" s="481"/>
      <c r="AR32" s="482"/>
      <c r="AS32" s="342"/>
      <c r="AT32" s="333"/>
      <c r="AU32" s="333"/>
      <c r="AV32" s="334"/>
      <c r="AW32" s="205"/>
      <c r="AX32" s="198"/>
      <c r="AY32" s="499"/>
      <c r="AZ32" s="495"/>
      <c r="BA32" s="251"/>
      <c r="BB32" s="496"/>
      <c r="BC32" s="495"/>
      <c r="BD32" s="251"/>
      <c r="BE32" s="251"/>
      <c r="BF32" s="480"/>
      <c r="BG32" s="481"/>
      <c r="BH32" s="490"/>
      <c r="BI32" s="23"/>
      <c r="BJ32" s="24"/>
      <c r="BK32" s="24"/>
      <c r="BL32" s="24"/>
      <c r="BM32" s="25"/>
      <c r="BN32" s="23"/>
      <c r="BO32" s="24"/>
      <c r="BP32" s="24"/>
      <c r="BQ32" s="24"/>
      <c r="BR32" s="25"/>
      <c r="BS32" s="26"/>
      <c r="BT32" s="24"/>
      <c r="BU32" s="24"/>
      <c r="BV32" s="26"/>
      <c r="BW32" s="27"/>
    </row>
    <row r="33" spans="1:75" ht="9.9" customHeight="1">
      <c r="A33" s="298"/>
      <c r="B33" s="340"/>
      <c r="C33" s="336"/>
      <c r="D33" s="336"/>
      <c r="E33" s="337"/>
      <c r="F33" s="340"/>
      <c r="G33" s="336"/>
      <c r="H33" s="336"/>
      <c r="I33" s="337"/>
      <c r="J33" s="543"/>
      <c r="K33" s="544"/>
      <c r="L33" s="544"/>
      <c r="M33" s="544"/>
      <c r="N33" s="544"/>
      <c r="O33" s="544"/>
      <c r="P33" s="544"/>
      <c r="Q33" s="544"/>
      <c r="R33" s="545"/>
      <c r="S33" s="524"/>
      <c r="T33" s="484"/>
      <c r="U33" s="484"/>
      <c r="V33" s="484"/>
      <c r="W33" s="484"/>
      <c r="X33" s="484"/>
      <c r="Y33" s="484"/>
      <c r="Z33" s="491"/>
      <c r="AA33" s="524"/>
      <c r="AB33" s="484"/>
      <c r="AC33" s="484"/>
      <c r="AD33" s="484"/>
      <c r="AE33" s="484"/>
      <c r="AF33" s="484"/>
      <c r="AG33" s="484"/>
      <c r="AH33" s="485"/>
      <c r="AI33" s="488"/>
      <c r="AJ33" s="484"/>
      <c r="AK33" s="484"/>
      <c r="AL33" s="484"/>
      <c r="AM33" s="489"/>
      <c r="AN33" s="483"/>
      <c r="AO33" s="484"/>
      <c r="AP33" s="484"/>
      <c r="AQ33" s="484"/>
      <c r="AR33" s="485"/>
      <c r="AS33" s="343"/>
      <c r="AT33" s="336"/>
      <c r="AU33" s="336"/>
      <c r="AV33" s="337"/>
      <c r="AW33" s="207"/>
      <c r="AX33" s="200"/>
      <c r="AY33" s="287"/>
      <c r="AZ33" s="497"/>
      <c r="BA33" s="254"/>
      <c r="BB33" s="498"/>
      <c r="BC33" s="497"/>
      <c r="BD33" s="254"/>
      <c r="BE33" s="254"/>
      <c r="BF33" s="483"/>
      <c r="BG33" s="484"/>
      <c r="BH33" s="491"/>
      <c r="BI33" s="28"/>
      <c r="BJ33" s="29"/>
      <c r="BK33" s="29"/>
      <c r="BL33" s="29"/>
      <c r="BM33" s="30"/>
      <c r="BN33" s="28"/>
      <c r="BO33" s="29"/>
      <c r="BP33" s="29"/>
      <c r="BQ33" s="29"/>
      <c r="BR33" s="30"/>
      <c r="BS33" s="31"/>
      <c r="BT33" s="29"/>
      <c r="BU33" s="29"/>
      <c r="BV33" s="31"/>
      <c r="BW33" s="32"/>
    </row>
    <row r="34" spans="1:75" ht="9.9" customHeight="1">
      <c r="A34" s="298">
        <v>12</v>
      </c>
      <c r="B34" s="338"/>
      <c r="C34" s="333"/>
      <c r="D34" s="333"/>
      <c r="E34" s="334"/>
      <c r="F34" s="338"/>
      <c r="G34" s="333"/>
      <c r="H34" s="333"/>
      <c r="I34" s="334"/>
      <c r="J34" s="540" t="s">
        <v>91</v>
      </c>
      <c r="K34" s="541"/>
      <c r="L34" s="541"/>
      <c r="M34" s="541"/>
      <c r="N34" s="541"/>
      <c r="O34" s="541"/>
      <c r="P34" s="541"/>
      <c r="Q34" s="541"/>
      <c r="R34" s="542"/>
      <c r="S34" s="523"/>
      <c r="T34" s="481"/>
      <c r="U34" s="481"/>
      <c r="V34" s="481" t="s">
        <v>32</v>
      </c>
      <c r="W34" s="481"/>
      <c r="X34" s="481"/>
      <c r="Y34" s="481"/>
      <c r="Z34" s="490"/>
      <c r="AA34" s="523"/>
      <c r="AB34" s="481"/>
      <c r="AC34" s="481"/>
      <c r="AD34" s="481" t="s">
        <v>32</v>
      </c>
      <c r="AE34" s="481"/>
      <c r="AF34" s="481"/>
      <c r="AG34" s="481"/>
      <c r="AH34" s="482"/>
      <c r="AI34" s="486"/>
      <c r="AJ34" s="481"/>
      <c r="AK34" s="481"/>
      <c r="AL34" s="481"/>
      <c r="AM34" s="487"/>
      <c r="AN34" s="480"/>
      <c r="AO34" s="481"/>
      <c r="AP34" s="481"/>
      <c r="AQ34" s="481"/>
      <c r="AR34" s="482"/>
      <c r="AS34" s="342"/>
      <c r="AT34" s="333"/>
      <c r="AU34" s="333"/>
      <c r="AV34" s="334"/>
      <c r="AW34" s="205"/>
      <c r="AX34" s="198"/>
      <c r="AY34" s="499"/>
      <c r="AZ34" s="495"/>
      <c r="BA34" s="251"/>
      <c r="BB34" s="496"/>
      <c r="BC34" s="495"/>
      <c r="BD34" s="251"/>
      <c r="BE34" s="251"/>
      <c r="BF34" s="480"/>
      <c r="BG34" s="481"/>
      <c r="BH34" s="490"/>
      <c r="BI34" s="23"/>
      <c r="BJ34" s="24"/>
      <c r="BK34" s="24"/>
      <c r="BL34" s="24"/>
      <c r="BM34" s="25"/>
      <c r="BN34" s="23"/>
      <c r="BO34" s="24"/>
      <c r="BP34" s="24"/>
      <c r="BQ34" s="24"/>
      <c r="BR34" s="25"/>
      <c r="BS34" s="26"/>
      <c r="BT34" s="24"/>
      <c r="BU34" s="24"/>
      <c r="BV34" s="26"/>
      <c r="BW34" s="27"/>
    </row>
    <row r="35" spans="1:75" ht="9.9" customHeight="1">
      <c r="A35" s="298"/>
      <c r="B35" s="340"/>
      <c r="C35" s="336"/>
      <c r="D35" s="336"/>
      <c r="E35" s="337"/>
      <c r="F35" s="340"/>
      <c r="G35" s="336"/>
      <c r="H35" s="336"/>
      <c r="I35" s="337"/>
      <c r="J35" s="543"/>
      <c r="K35" s="544"/>
      <c r="L35" s="544"/>
      <c r="M35" s="544"/>
      <c r="N35" s="544"/>
      <c r="O35" s="544"/>
      <c r="P35" s="544"/>
      <c r="Q35" s="544"/>
      <c r="R35" s="545"/>
      <c r="S35" s="524"/>
      <c r="T35" s="484"/>
      <c r="U35" s="484"/>
      <c r="V35" s="484"/>
      <c r="W35" s="484"/>
      <c r="X35" s="484"/>
      <c r="Y35" s="484"/>
      <c r="Z35" s="491"/>
      <c r="AA35" s="524"/>
      <c r="AB35" s="484"/>
      <c r="AC35" s="484"/>
      <c r="AD35" s="484"/>
      <c r="AE35" s="484"/>
      <c r="AF35" s="484"/>
      <c r="AG35" s="484"/>
      <c r="AH35" s="485"/>
      <c r="AI35" s="488"/>
      <c r="AJ35" s="484"/>
      <c r="AK35" s="484"/>
      <c r="AL35" s="484"/>
      <c r="AM35" s="489"/>
      <c r="AN35" s="483"/>
      <c r="AO35" s="484"/>
      <c r="AP35" s="484"/>
      <c r="AQ35" s="484"/>
      <c r="AR35" s="485"/>
      <c r="AS35" s="343"/>
      <c r="AT35" s="336"/>
      <c r="AU35" s="336"/>
      <c r="AV35" s="337"/>
      <c r="AW35" s="207"/>
      <c r="AX35" s="200"/>
      <c r="AY35" s="287"/>
      <c r="AZ35" s="497"/>
      <c r="BA35" s="254"/>
      <c r="BB35" s="498"/>
      <c r="BC35" s="497"/>
      <c r="BD35" s="254"/>
      <c r="BE35" s="254"/>
      <c r="BF35" s="483"/>
      <c r="BG35" s="484"/>
      <c r="BH35" s="491"/>
      <c r="BI35" s="28"/>
      <c r="BJ35" s="29"/>
      <c r="BK35" s="29"/>
      <c r="BL35" s="29"/>
      <c r="BM35" s="30"/>
      <c r="BN35" s="28"/>
      <c r="BO35" s="29"/>
      <c r="BP35" s="29"/>
      <c r="BQ35" s="29"/>
      <c r="BR35" s="30"/>
      <c r="BS35" s="31"/>
      <c r="BT35" s="29"/>
      <c r="BU35" s="29"/>
      <c r="BV35" s="31"/>
      <c r="BW35" s="32"/>
    </row>
    <row r="36" spans="1:75" ht="9.9" customHeight="1">
      <c r="A36" s="298">
        <v>13</v>
      </c>
      <c r="B36" s="338"/>
      <c r="C36" s="333"/>
      <c r="D36" s="333"/>
      <c r="E36" s="334"/>
      <c r="F36" s="338"/>
      <c r="G36" s="333"/>
      <c r="H36" s="333"/>
      <c r="I36" s="334"/>
      <c r="J36" s="540" t="s">
        <v>91</v>
      </c>
      <c r="K36" s="541"/>
      <c r="L36" s="541"/>
      <c r="M36" s="541"/>
      <c r="N36" s="541"/>
      <c r="O36" s="541"/>
      <c r="P36" s="541"/>
      <c r="Q36" s="541"/>
      <c r="R36" s="542"/>
      <c r="S36" s="523"/>
      <c r="T36" s="481"/>
      <c r="U36" s="481"/>
      <c r="V36" s="481" t="s">
        <v>32</v>
      </c>
      <c r="W36" s="481"/>
      <c r="X36" s="481"/>
      <c r="Y36" s="481"/>
      <c r="Z36" s="490"/>
      <c r="AA36" s="523"/>
      <c r="AB36" s="481"/>
      <c r="AC36" s="481"/>
      <c r="AD36" s="481" t="s">
        <v>32</v>
      </c>
      <c r="AE36" s="481"/>
      <c r="AF36" s="481"/>
      <c r="AG36" s="481"/>
      <c r="AH36" s="482"/>
      <c r="AI36" s="486"/>
      <c r="AJ36" s="481"/>
      <c r="AK36" s="481"/>
      <c r="AL36" s="481"/>
      <c r="AM36" s="487"/>
      <c r="AN36" s="480"/>
      <c r="AO36" s="481"/>
      <c r="AP36" s="481"/>
      <c r="AQ36" s="481"/>
      <c r="AR36" s="482"/>
      <c r="AS36" s="342"/>
      <c r="AT36" s="333"/>
      <c r="AU36" s="333"/>
      <c r="AV36" s="334"/>
      <c r="AW36" s="205"/>
      <c r="AX36" s="198"/>
      <c r="AY36" s="499"/>
      <c r="AZ36" s="495"/>
      <c r="BA36" s="251"/>
      <c r="BB36" s="496"/>
      <c r="BC36" s="495"/>
      <c r="BD36" s="251"/>
      <c r="BE36" s="251"/>
      <c r="BF36" s="480"/>
      <c r="BG36" s="481"/>
      <c r="BH36" s="490"/>
      <c r="BI36" s="23"/>
      <c r="BJ36" s="24"/>
      <c r="BK36" s="24"/>
      <c r="BL36" s="24"/>
      <c r="BM36" s="25"/>
      <c r="BN36" s="23"/>
      <c r="BO36" s="24"/>
      <c r="BP36" s="24"/>
      <c r="BQ36" s="24"/>
      <c r="BR36" s="25"/>
      <c r="BS36" s="26"/>
      <c r="BT36" s="24"/>
      <c r="BU36" s="24"/>
      <c r="BV36" s="26"/>
      <c r="BW36" s="27"/>
    </row>
    <row r="37" spans="1:75" ht="9.9" customHeight="1">
      <c r="A37" s="298"/>
      <c r="B37" s="340"/>
      <c r="C37" s="336"/>
      <c r="D37" s="336"/>
      <c r="E37" s="337"/>
      <c r="F37" s="340"/>
      <c r="G37" s="336"/>
      <c r="H37" s="336"/>
      <c r="I37" s="337"/>
      <c r="J37" s="543"/>
      <c r="K37" s="544"/>
      <c r="L37" s="544"/>
      <c r="M37" s="544"/>
      <c r="N37" s="544"/>
      <c r="O37" s="544"/>
      <c r="P37" s="544"/>
      <c r="Q37" s="544"/>
      <c r="R37" s="545"/>
      <c r="S37" s="524"/>
      <c r="T37" s="484"/>
      <c r="U37" s="484"/>
      <c r="V37" s="484"/>
      <c r="W37" s="484"/>
      <c r="X37" s="484"/>
      <c r="Y37" s="484"/>
      <c r="Z37" s="491"/>
      <c r="AA37" s="524"/>
      <c r="AB37" s="484"/>
      <c r="AC37" s="484"/>
      <c r="AD37" s="484"/>
      <c r="AE37" s="484"/>
      <c r="AF37" s="484"/>
      <c r="AG37" s="484"/>
      <c r="AH37" s="485"/>
      <c r="AI37" s="488"/>
      <c r="AJ37" s="484"/>
      <c r="AK37" s="484"/>
      <c r="AL37" s="484"/>
      <c r="AM37" s="489"/>
      <c r="AN37" s="483"/>
      <c r="AO37" s="484"/>
      <c r="AP37" s="484"/>
      <c r="AQ37" s="484"/>
      <c r="AR37" s="485"/>
      <c r="AS37" s="343"/>
      <c r="AT37" s="336"/>
      <c r="AU37" s="336"/>
      <c r="AV37" s="337"/>
      <c r="AW37" s="207"/>
      <c r="AX37" s="200"/>
      <c r="AY37" s="287"/>
      <c r="AZ37" s="497"/>
      <c r="BA37" s="254"/>
      <c r="BB37" s="498"/>
      <c r="BC37" s="497"/>
      <c r="BD37" s="254"/>
      <c r="BE37" s="254"/>
      <c r="BF37" s="483"/>
      <c r="BG37" s="484"/>
      <c r="BH37" s="491"/>
      <c r="BI37" s="28"/>
      <c r="BJ37" s="29"/>
      <c r="BK37" s="29"/>
      <c r="BL37" s="29"/>
      <c r="BM37" s="30"/>
      <c r="BN37" s="28"/>
      <c r="BO37" s="29"/>
      <c r="BP37" s="29"/>
      <c r="BQ37" s="29"/>
      <c r="BR37" s="30"/>
      <c r="BS37" s="31"/>
      <c r="BT37" s="29"/>
      <c r="BU37" s="29"/>
      <c r="BV37" s="31"/>
      <c r="BW37" s="32"/>
    </row>
    <row r="38" spans="1:75" ht="9.9" customHeight="1">
      <c r="A38" s="298">
        <v>14</v>
      </c>
      <c r="B38" s="338"/>
      <c r="C38" s="333"/>
      <c r="D38" s="333"/>
      <c r="E38" s="334"/>
      <c r="F38" s="338"/>
      <c r="G38" s="333"/>
      <c r="H38" s="333"/>
      <c r="I38" s="334"/>
      <c r="J38" s="540" t="s">
        <v>91</v>
      </c>
      <c r="K38" s="541"/>
      <c r="L38" s="541"/>
      <c r="M38" s="541"/>
      <c r="N38" s="541"/>
      <c r="O38" s="541"/>
      <c r="P38" s="541"/>
      <c r="Q38" s="541"/>
      <c r="R38" s="542"/>
      <c r="S38" s="523"/>
      <c r="T38" s="481"/>
      <c r="U38" s="481"/>
      <c r="V38" s="481" t="s">
        <v>32</v>
      </c>
      <c r="W38" s="481"/>
      <c r="X38" s="481"/>
      <c r="Y38" s="481"/>
      <c r="Z38" s="490"/>
      <c r="AA38" s="523"/>
      <c r="AB38" s="481"/>
      <c r="AC38" s="481"/>
      <c r="AD38" s="481" t="s">
        <v>32</v>
      </c>
      <c r="AE38" s="481"/>
      <c r="AF38" s="481"/>
      <c r="AG38" s="481"/>
      <c r="AH38" s="482"/>
      <c r="AI38" s="486"/>
      <c r="AJ38" s="481"/>
      <c r="AK38" s="481"/>
      <c r="AL38" s="481"/>
      <c r="AM38" s="487"/>
      <c r="AN38" s="480"/>
      <c r="AO38" s="481"/>
      <c r="AP38" s="481"/>
      <c r="AQ38" s="481"/>
      <c r="AR38" s="482"/>
      <c r="AS38" s="342"/>
      <c r="AT38" s="333"/>
      <c r="AU38" s="333"/>
      <c r="AV38" s="334"/>
      <c r="AW38" s="205"/>
      <c r="AX38" s="198"/>
      <c r="AY38" s="499"/>
      <c r="AZ38" s="495"/>
      <c r="BA38" s="251"/>
      <c r="BB38" s="496"/>
      <c r="BC38" s="495"/>
      <c r="BD38" s="251"/>
      <c r="BE38" s="251"/>
      <c r="BF38" s="480"/>
      <c r="BG38" s="481"/>
      <c r="BH38" s="490"/>
      <c r="BI38" s="23"/>
      <c r="BJ38" s="24"/>
      <c r="BK38" s="24"/>
      <c r="BL38" s="24"/>
      <c r="BM38" s="25"/>
      <c r="BN38" s="23"/>
      <c r="BO38" s="24"/>
      <c r="BP38" s="24"/>
      <c r="BQ38" s="24"/>
      <c r="BR38" s="25"/>
      <c r="BS38" s="26"/>
      <c r="BT38" s="24"/>
      <c r="BU38" s="24"/>
      <c r="BV38" s="26"/>
      <c r="BW38" s="27"/>
    </row>
    <row r="39" spans="1:75" ht="9.9" customHeight="1">
      <c r="A39" s="298"/>
      <c r="B39" s="340"/>
      <c r="C39" s="336"/>
      <c r="D39" s="336"/>
      <c r="E39" s="337"/>
      <c r="F39" s="340"/>
      <c r="G39" s="336"/>
      <c r="H39" s="336"/>
      <c r="I39" s="337"/>
      <c r="J39" s="543"/>
      <c r="K39" s="544"/>
      <c r="L39" s="544"/>
      <c r="M39" s="544"/>
      <c r="N39" s="544"/>
      <c r="O39" s="544"/>
      <c r="P39" s="544"/>
      <c r="Q39" s="544"/>
      <c r="R39" s="545"/>
      <c r="S39" s="524"/>
      <c r="T39" s="484"/>
      <c r="U39" s="484"/>
      <c r="V39" s="484"/>
      <c r="W39" s="484"/>
      <c r="X39" s="484"/>
      <c r="Y39" s="484"/>
      <c r="Z39" s="491"/>
      <c r="AA39" s="524"/>
      <c r="AB39" s="484"/>
      <c r="AC39" s="484"/>
      <c r="AD39" s="484"/>
      <c r="AE39" s="484"/>
      <c r="AF39" s="484"/>
      <c r="AG39" s="484"/>
      <c r="AH39" s="485"/>
      <c r="AI39" s="488"/>
      <c r="AJ39" s="484"/>
      <c r="AK39" s="484"/>
      <c r="AL39" s="484"/>
      <c r="AM39" s="489"/>
      <c r="AN39" s="483"/>
      <c r="AO39" s="484"/>
      <c r="AP39" s="484"/>
      <c r="AQ39" s="484"/>
      <c r="AR39" s="485"/>
      <c r="AS39" s="343"/>
      <c r="AT39" s="336"/>
      <c r="AU39" s="336"/>
      <c r="AV39" s="337"/>
      <c r="AW39" s="207"/>
      <c r="AX39" s="200"/>
      <c r="AY39" s="287"/>
      <c r="AZ39" s="497"/>
      <c r="BA39" s="254"/>
      <c r="BB39" s="498"/>
      <c r="BC39" s="497"/>
      <c r="BD39" s="254"/>
      <c r="BE39" s="254"/>
      <c r="BF39" s="483"/>
      <c r="BG39" s="484"/>
      <c r="BH39" s="491"/>
      <c r="BI39" s="28"/>
      <c r="BJ39" s="29"/>
      <c r="BK39" s="29"/>
      <c r="BL39" s="29"/>
      <c r="BM39" s="30"/>
      <c r="BN39" s="28"/>
      <c r="BO39" s="29"/>
      <c r="BP39" s="29"/>
      <c r="BQ39" s="29"/>
      <c r="BR39" s="30"/>
      <c r="BS39" s="31"/>
      <c r="BT39" s="29"/>
      <c r="BU39" s="29"/>
      <c r="BV39" s="31"/>
      <c r="BW39" s="32"/>
    </row>
    <row r="40" spans="1:75" ht="9.9" customHeight="1">
      <c r="A40" s="298">
        <v>15</v>
      </c>
      <c r="B40" s="338"/>
      <c r="C40" s="333"/>
      <c r="D40" s="333"/>
      <c r="E40" s="334"/>
      <c r="F40" s="338"/>
      <c r="G40" s="333"/>
      <c r="H40" s="333"/>
      <c r="I40" s="334"/>
      <c r="J40" s="540" t="s">
        <v>91</v>
      </c>
      <c r="K40" s="541"/>
      <c r="L40" s="541"/>
      <c r="M40" s="541"/>
      <c r="N40" s="541"/>
      <c r="O40" s="541"/>
      <c r="P40" s="541"/>
      <c r="Q40" s="541"/>
      <c r="R40" s="542"/>
      <c r="S40" s="523"/>
      <c r="T40" s="481"/>
      <c r="U40" s="481"/>
      <c r="V40" s="481" t="s">
        <v>32</v>
      </c>
      <c r="W40" s="481"/>
      <c r="X40" s="481"/>
      <c r="Y40" s="481"/>
      <c r="Z40" s="490"/>
      <c r="AA40" s="523"/>
      <c r="AB40" s="481"/>
      <c r="AC40" s="481"/>
      <c r="AD40" s="481" t="s">
        <v>32</v>
      </c>
      <c r="AE40" s="481"/>
      <c r="AF40" s="481"/>
      <c r="AG40" s="481"/>
      <c r="AH40" s="482"/>
      <c r="AI40" s="486"/>
      <c r="AJ40" s="481"/>
      <c r="AK40" s="481"/>
      <c r="AL40" s="481"/>
      <c r="AM40" s="487"/>
      <c r="AN40" s="480"/>
      <c r="AO40" s="481"/>
      <c r="AP40" s="481"/>
      <c r="AQ40" s="481"/>
      <c r="AR40" s="482"/>
      <c r="AS40" s="342"/>
      <c r="AT40" s="333"/>
      <c r="AU40" s="333"/>
      <c r="AV40" s="334"/>
      <c r="AW40" s="205"/>
      <c r="AX40" s="198"/>
      <c r="AY40" s="499"/>
      <c r="AZ40" s="495"/>
      <c r="BA40" s="251"/>
      <c r="BB40" s="496"/>
      <c r="BC40" s="495"/>
      <c r="BD40" s="251"/>
      <c r="BE40" s="251"/>
      <c r="BF40" s="480"/>
      <c r="BG40" s="481"/>
      <c r="BH40" s="490"/>
      <c r="BI40" s="23"/>
      <c r="BJ40" s="24"/>
      <c r="BK40" s="24"/>
      <c r="BL40" s="24"/>
      <c r="BM40" s="25"/>
      <c r="BN40" s="23"/>
      <c r="BO40" s="24"/>
      <c r="BP40" s="24"/>
      <c r="BQ40" s="24"/>
      <c r="BR40" s="25"/>
      <c r="BS40" s="26"/>
      <c r="BT40" s="24"/>
      <c r="BU40" s="24"/>
      <c r="BV40" s="26"/>
      <c r="BW40" s="27"/>
    </row>
    <row r="41" spans="1:75" ht="9.9" customHeight="1">
      <c r="A41" s="298"/>
      <c r="B41" s="340"/>
      <c r="C41" s="336"/>
      <c r="D41" s="336"/>
      <c r="E41" s="337"/>
      <c r="F41" s="340"/>
      <c r="G41" s="336"/>
      <c r="H41" s="336"/>
      <c r="I41" s="337"/>
      <c r="J41" s="543"/>
      <c r="K41" s="544"/>
      <c r="L41" s="544"/>
      <c r="M41" s="544"/>
      <c r="N41" s="544"/>
      <c r="O41" s="544"/>
      <c r="P41" s="544"/>
      <c r="Q41" s="544"/>
      <c r="R41" s="545"/>
      <c r="S41" s="524"/>
      <c r="T41" s="484"/>
      <c r="U41" s="484"/>
      <c r="V41" s="484"/>
      <c r="W41" s="484"/>
      <c r="X41" s="484"/>
      <c r="Y41" s="484"/>
      <c r="Z41" s="491"/>
      <c r="AA41" s="524"/>
      <c r="AB41" s="484"/>
      <c r="AC41" s="484"/>
      <c r="AD41" s="484"/>
      <c r="AE41" s="484"/>
      <c r="AF41" s="484"/>
      <c r="AG41" s="484"/>
      <c r="AH41" s="485"/>
      <c r="AI41" s="488"/>
      <c r="AJ41" s="484"/>
      <c r="AK41" s="484"/>
      <c r="AL41" s="484"/>
      <c r="AM41" s="489"/>
      <c r="AN41" s="483"/>
      <c r="AO41" s="484"/>
      <c r="AP41" s="484"/>
      <c r="AQ41" s="484"/>
      <c r="AR41" s="485"/>
      <c r="AS41" s="343"/>
      <c r="AT41" s="336"/>
      <c r="AU41" s="336"/>
      <c r="AV41" s="337"/>
      <c r="AW41" s="207"/>
      <c r="AX41" s="200"/>
      <c r="AY41" s="287"/>
      <c r="AZ41" s="497"/>
      <c r="BA41" s="254"/>
      <c r="BB41" s="498"/>
      <c r="BC41" s="497"/>
      <c r="BD41" s="254"/>
      <c r="BE41" s="254"/>
      <c r="BF41" s="483"/>
      <c r="BG41" s="484"/>
      <c r="BH41" s="491"/>
      <c r="BI41" s="28"/>
      <c r="BJ41" s="29"/>
      <c r="BK41" s="29"/>
      <c r="BL41" s="29"/>
      <c r="BM41" s="30"/>
      <c r="BN41" s="28"/>
      <c r="BO41" s="29"/>
      <c r="BP41" s="29"/>
      <c r="BQ41" s="29"/>
      <c r="BR41" s="30"/>
      <c r="BS41" s="31"/>
      <c r="BT41" s="29"/>
      <c r="BU41" s="29"/>
      <c r="BV41" s="31"/>
      <c r="BW41" s="32"/>
    </row>
    <row r="42" spans="1:75" ht="9.9" customHeight="1">
      <c r="A42" s="298">
        <v>16</v>
      </c>
      <c r="B42" s="338"/>
      <c r="C42" s="333"/>
      <c r="D42" s="333"/>
      <c r="E42" s="334"/>
      <c r="F42" s="338"/>
      <c r="G42" s="333"/>
      <c r="H42" s="333"/>
      <c r="I42" s="334"/>
      <c r="J42" s="540" t="s">
        <v>91</v>
      </c>
      <c r="K42" s="541"/>
      <c r="L42" s="541"/>
      <c r="M42" s="541"/>
      <c r="N42" s="541"/>
      <c r="O42" s="541"/>
      <c r="P42" s="541"/>
      <c r="Q42" s="541"/>
      <c r="R42" s="542"/>
      <c r="S42" s="523"/>
      <c r="T42" s="481"/>
      <c r="U42" s="481"/>
      <c r="V42" s="481" t="s">
        <v>32</v>
      </c>
      <c r="W42" s="481"/>
      <c r="X42" s="481"/>
      <c r="Y42" s="481"/>
      <c r="Z42" s="490"/>
      <c r="AA42" s="523"/>
      <c r="AB42" s="481"/>
      <c r="AC42" s="481"/>
      <c r="AD42" s="481" t="s">
        <v>32</v>
      </c>
      <c r="AE42" s="481"/>
      <c r="AF42" s="481"/>
      <c r="AG42" s="481"/>
      <c r="AH42" s="482"/>
      <c r="AI42" s="486"/>
      <c r="AJ42" s="481"/>
      <c r="AK42" s="481"/>
      <c r="AL42" s="481"/>
      <c r="AM42" s="487"/>
      <c r="AN42" s="480"/>
      <c r="AO42" s="481"/>
      <c r="AP42" s="481"/>
      <c r="AQ42" s="481"/>
      <c r="AR42" s="482"/>
      <c r="AS42" s="342"/>
      <c r="AT42" s="333"/>
      <c r="AU42" s="333"/>
      <c r="AV42" s="334"/>
      <c r="AW42" s="205"/>
      <c r="AX42" s="198"/>
      <c r="AY42" s="499"/>
      <c r="AZ42" s="495"/>
      <c r="BA42" s="251"/>
      <c r="BB42" s="496"/>
      <c r="BC42" s="495"/>
      <c r="BD42" s="251"/>
      <c r="BE42" s="251"/>
      <c r="BF42" s="480"/>
      <c r="BG42" s="481"/>
      <c r="BH42" s="490"/>
      <c r="BI42" s="23"/>
      <c r="BJ42" s="24"/>
      <c r="BK42" s="24"/>
      <c r="BL42" s="24"/>
      <c r="BM42" s="25"/>
      <c r="BN42" s="23"/>
      <c r="BO42" s="24"/>
      <c r="BP42" s="24"/>
      <c r="BQ42" s="24"/>
      <c r="BR42" s="25"/>
      <c r="BS42" s="26"/>
      <c r="BT42" s="24"/>
      <c r="BU42" s="24"/>
      <c r="BV42" s="26"/>
      <c r="BW42" s="27"/>
    </row>
    <row r="43" spans="1:75" ht="9.9" customHeight="1">
      <c r="A43" s="298"/>
      <c r="B43" s="340"/>
      <c r="C43" s="336"/>
      <c r="D43" s="336"/>
      <c r="E43" s="337"/>
      <c r="F43" s="340"/>
      <c r="G43" s="336"/>
      <c r="H43" s="336"/>
      <c r="I43" s="337"/>
      <c r="J43" s="543"/>
      <c r="K43" s="544"/>
      <c r="L43" s="544"/>
      <c r="M43" s="544"/>
      <c r="N43" s="544"/>
      <c r="O43" s="544"/>
      <c r="P43" s="544"/>
      <c r="Q43" s="544"/>
      <c r="R43" s="545"/>
      <c r="S43" s="524"/>
      <c r="T43" s="484"/>
      <c r="U43" s="484"/>
      <c r="V43" s="484"/>
      <c r="W43" s="484"/>
      <c r="X43" s="484"/>
      <c r="Y43" s="484"/>
      <c r="Z43" s="491"/>
      <c r="AA43" s="524"/>
      <c r="AB43" s="484"/>
      <c r="AC43" s="484"/>
      <c r="AD43" s="484"/>
      <c r="AE43" s="484"/>
      <c r="AF43" s="484"/>
      <c r="AG43" s="484"/>
      <c r="AH43" s="485"/>
      <c r="AI43" s="488"/>
      <c r="AJ43" s="484"/>
      <c r="AK43" s="484"/>
      <c r="AL43" s="484"/>
      <c r="AM43" s="489"/>
      <c r="AN43" s="483"/>
      <c r="AO43" s="484"/>
      <c r="AP43" s="484"/>
      <c r="AQ43" s="484"/>
      <c r="AR43" s="485"/>
      <c r="AS43" s="343"/>
      <c r="AT43" s="336"/>
      <c r="AU43" s="336"/>
      <c r="AV43" s="337"/>
      <c r="AW43" s="207"/>
      <c r="AX43" s="200"/>
      <c r="AY43" s="287"/>
      <c r="AZ43" s="497"/>
      <c r="BA43" s="254"/>
      <c r="BB43" s="498"/>
      <c r="BC43" s="497"/>
      <c r="BD43" s="254"/>
      <c r="BE43" s="254"/>
      <c r="BF43" s="483"/>
      <c r="BG43" s="484"/>
      <c r="BH43" s="491"/>
      <c r="BI43" s="28"/>
      <c r="BJ43" s="29"/>
      <c r="BK43" s="29"/>
      <c r="BL43" s="29"/>
      <c r="BM43" s="30"/>
      <c r="BN43" s="28"/>
      <c r="BO43" s="29"/>
      <c r="BP43" s="29"/>
      <c r="BQ43" s="29"/>
      <c r="BR43" s="30"/>
      <c r="BS43" s="31"/>
      <c r="BT43" s="29"/>
      <c r="BU43" s="29"/>
      <c r="BV43" s="31"/>
      <c r="BW43" s="32"/>
    </row>
    <row r="44" spans="1:75" ht="9.9" customHeight="1">
      <c r="A44" s="298">
        <v>17</v>
      </c>
      <c r="B44" s="338"/>
      <c r="C44" s="333"/>
      <c r="D44" s="333"/>
      <c r="E44" s="334"/>
      <c r="F44" s="338"/>
      <c r="G44" s="333"/>
      <c r="H44" s="333"/>
      <c r="I44" s="334"/>
      <c r="J44" s="540" t="s">
        <v>91</v>
      </c>
      <c r="K44" s="541"/>
      <c r="L44" s="541"/>
      <c r="M44" s="541"/>
      <c r="N44" s="541"/>
      <c r="O44" s="541"/>
      <c r="P44" s="541"/>
      <c r="Q44" s="541"/>
      <c r="R44" s="542"/>
      <c r="S44" s="523"/>
      <c r="T44" s="481"/>
      <c r="U44" s="481"/>
      <c r="V44" s="481" t="s">
        <v>32</v>
      </c>
      <c r="W44" s="481"/>
      <c r="X44" s="481"/>
      <c r="Y44" s="481"/>
      <c r="Z44" s="490"/>
      <c r="AA44" s="523"/>
      <c r="AB44" s="481"/>
      <c r="AC44" s="481"/>
      <c r="AD44" s="481" t="s">
        <v>32</v>
      </c>
      <c r="AE44" s="481"/>
      <c r="AF44" s="481"/>
      <c r="AG44" s="481"/>
      <c r="AH44" s="482"/>
      <c r="AI44" s="486"/>
      <c r="AJ44" s="481"/>
      <c r="AK44" s="481"/>
      <c r="AL44" s="481"/>
      <c r="AM44" s="487"/>
      <c r="AN44" s="480"/>
      <c r="AO44" s="481"/>
      <c r="AP44" s="481"/>
      <c r="AQ44" s="481"/>
      <c r="AR44" s="482"/>
      <c r="AS44" s="342"/>
      <c r="AT44" s="333"/>
      <c r="AU44" s="333"/>
      <c r="AV44" s="334"/>
      <c r="AW44" s="205"/>
      <c r="AX44" s="198"/>
      <c r="AY44" s="499"/>
      <c r="AZ44" s="495"/>
      <c r="BA44" s="251"/>
      <c r="BB44" s="496"/>
      <c r="BC44" s="495"/>
      <c r="BD44" s="251"/>
      <c r="BE44" s="251"/>
      <c r="BF44" s="480"/>
      <c r="BG44" s="481"/>
      <c r="BH44" s="490"/>
      <c r="BI44" s="23"/>
      <c r="BJ44" s="24"/>
      <c r="BK44" s="24"/>
      <c r="BL44" s="24"/>
      <c r="BM44" s="25"/>
      <c r="BN44" s="23"/>
      <c r="BO44" s="24"/>
      <c r="BP44" s="24"/>
      <c r="BQ44" s="24"/>
      <c r="BR44" s="25"/>
      <c r="BS44" s="26"/>
      <c r="BT44" s="24"/>
      <c r="BU44" s="24"/>
      <c r="BV44" s="26"/>
      <c r="BW44" s="27"/>
    </row>
    <row r="45" spans="1:75" ht="9.9" customHeight="1">
      <c r="A45" s="298"/>
      <c r="B45" s="340"/>
      <c r="C45" s="336"/>
      <c r="D45" s="336"/>
      <c r="E45" s="337"/>
      <c r="F45" s="340"/>
      <c r="G45" s="336"/>
      <c r="H45" s="336"/>
      <c r="I45" s="337"/>
      <c r="J45" s="543"/>
      <c r="K45" s="544"/>
      <c r="L45" s="544"/>
      <c r="M45" s="544"/>
      <c r="N45" s="544"/>
      <c r="O45" s="544"/>
      <c r="P45" s="544"/>
      <c r="Q45" s="544"/>
      <c r="R45" s="545"/>
      <c r="S45" s="524"/>
      <c r="T45" s="484"/>
      <c r="U45" s="484"/>
      <c r="V45" s="484"/>
      <c r="W45" s="484"/>
      <c r="X45" s="484"/>
      <c r="Y45" s="484"/>
      <c r="Z45" s="491"/>
      <c r="AA45" s="524"/>
      <c r="AB45" s="484"/>
      <c r="AC45" s="484"/>
      <c r="AD45" s="484"/>
      <c r="AE45" s="484"/>
      <c r="AF45" s="484"/>
      <c r="AG45" s="484"/>
      <c r="AH45" s="485"/>
      <c r="AI45" s="488"/>
      <c r="AJ45" s="484"/>
      <c r="AK45" s="484"/>
      <c r="AL45" s="484"/>
      <c r="AM45" s="489"/>
      <c r="AN45" s="483"/>
      <c r="AO45" s="484"/>
      <c r="AP45" s="484"/>
      <c r="AQ45" s="484"/>
      <c r="AR45" s="485"/>
      <c r="AS45" s="343"/>
      <c r="AT45" s="336"/>
      <c r="AU45" s="336"/>
      <c r="AV45" s="337"/>
      <c r="AW45" s="207"/>
      <c r="AX45" s="200"/>
      <c r="AY45" s="287"/>
      <c r="AZ45" s="497"/>
      <c r="BA45" s="254"/>
      <c r="BB45" s="498"/>
      <c r="BC45" s="497"/>
      <c r="BD45" s="254"/>
      <c r="BE45" s="254"/>
      <c r="BF45" s="483"/>
      <c r="BG45" s="484"/>
      <c r="BH45" s="491"/>
      <c r="BI45" s="28"/>
      <c r="BJ45" s="29"/>
      <c r="BK45" s="29"/>
      <c r="BL45" s="29"/>
      <c r="BM45" s="30"/>
      <c r="BN45" s="28"/>
      <c r="BO45" s="29"/>
      <c r="BP45" s="29"/>
      <c r="BQ45" s="29"/>
      <c r="BR45" s="30"/>
      <c r="BS45" s="31"/>
      <c r="BT45" s="29"/>
      <c r="BU45" s="29"/>
      <c r="BV45" s="31"/>
      <c r="BW45" s="32"/>
    </row>
    <row r="46" spans="1:75" ht="9.9" customHeight="1">
      <c r="A46" s="298">
        <v>18</v>
      </c>
      <c r="B46" s="338"/>
      <c r="C46" s="333"/>
      <c r="D46" s="333"/>
      <c r="E46" s="334"/>
      <c r="F46" s="338"/>
      <c r="G46" s="333"/>
      <c r="H46" s="333"/>
      <c r="I46" s="334"/>
      <c r="J46" s="540" t="s">
        <v>91</v>
      </c>
      <c r="K46" s="541"/>
      <c r="L46" s="541"/>
      <c r="M46" s="541"/>
      <c r="N46" s="541"/>
      <c r="O46" s="541"/>
      <c r="P46" s="541"/>
      <c r="Q46" s="541"/>
      <c r="R46" s="542"/>
      <c r="S46" s="523"/>
      <c r="T46" s="481"/>
      <c r="U46" s="481"/>
      <c r="V46" s="481" t="s">
        <v>32</v>
      </c>
      <c r="W46" s="481"/>
      <c r="X46" s="481"/>
      <c r="Y46" s="481"/>
      <c r="Z46" s="490"/>
      <c r="AA46" s="523"/>
      <c r="AB46" s="481"/>
      <c r="AC46" s="481"/>
      <c r="AD46" s="481" t="s">
        <v>32</v>
      </c>
      <c r="AE46" s="481"/>
      <c r="AF46" s="481"/>
      <c r="AG46" s="481"/>
      <c r="AH46" s="482"/>
      <c r="AI46" s="486"/>
      <c r="AJ46" s="481"/>
      <c r="AK46" s="481"/>
      <c r="AL46" s="481"/>
      <c r="AM46" s="487"/>
      <c r="AN46" s="480"/>
      <c r="AO46" s="481"/>
      <c r="AP46" s="481"/>
      <c r="AQ46" s="481"/>
      <c r="AR46" s="482"/>
      <c r="AS46" s="342"/>
      <c r="AT46" s="333"/>
      <c r="AU46" s="333"/>
      <c r="AV46" s="334"/>
      <c r="AW46" s="205"/>
      <c r="AX46" s="198"/>
      <c r="AY46" s="499"/>
      <c r="AZ46" s="495"/>
      <c r="BA46" s="251"/>
      <c r="BB46" s="496"/>
      <c r="BC46" s="495"/>
      <c r="BD46" s="251"/>
      <c r="BE46" s="251"/>
      <c r="BF46" s="480"/>
      <c r="BG46" s="481"/>
      <c r="BH46" s="490"/>
      <c r="BI46" s="23"/>
      <c r="BJ46" s="24"/>
      <c r="BK46" s="24"/>
      <c r="BL46" s="24"/>
      <c r="BM46" s="25"/>
      <c r="BN46" s="23"/>
      <c r="BO46" s="24"/>
      <c r="BP46" s="24"/>
      <c r="BQ46" s="24"/>
      <c r="BR46" s="25"/>
      <c r="BS46" s="26"/>
      <c r="BT46" s="24"/>
      <c r="BU46" s="24"/>
      <c r="BV46" s="26"/>
      <c r="BW46" s="27"/>
    </row>
    <row r="47" spans="1:75" ht="9.9" customHeight="1">
      <c r="A47" s="298"/>
      <c r="B47" s="340"/>
      <c r="C47" s="336"/>
      <c r="D47" s="336"/>
      <c r="E47" s="337"/>
      <c r="F47" s="340"/>
      <c r="G47" s="336"/>
      <c r="H47" s="336"/>
      <c r="I47" s="337"/>
      <c r="J47" s="543"/>
      <c r="K47" s="544"/>
      <c r="L47" s="544"/>
      <c r="M47" s="544"/>
      <c r="N47" s="544"/>
      <c r="O47" s="544"/>
      <c r="P47" s="544"/>
      <c r="Q47" s="544"/>
      <c r="R47" s="545"/>
      <c r="S47" s="524"/>
      <c r="T47" s="484"/>
      <c r="U47" s="484"/>
      <c r="V47" s="484"/>
      <c r="W47" s="484"/>
      <c r="X47" s="484"/>
      <c r="Y47" s="484"/>
      <c r="Z47" s="491"/>
      <c r="AA47" s="524"/>
      <c r="AB47" s="484"/>
      <c r="AC47" s="484"/>
      <c r="AD47" s="484"/>
      <c r="AE47" s="484"/>
      <c r="AF47" s="484"/>
      <c r="AG47" s="484"/>
      <c r="AH47" s="485"/>
      <c r="AI47" s="488"/>
      <c r="AJ47" s="484"/>
      <c r="AK47" s="484"/>
      <c r="AL47" s="484"/>
      <c r="AM47" s="489"/>
      <c r="AN47" s="483"/>
      <c r="AO47" s="484"/>
      <c r="AP47" s="484"/>
      <c r="AQ47" s="484"/>
      <c r="AR47" s="485"/>
      <c r="AS47" s="343"/>
      <c r="AT47" s="336"/>
      <c r="AU47" s="336"/>
      <c r="AV47" s="337"/>
      <c r="AW47" s="207"/>
      <c r="AX47" s="200"/>
      <c r="AY47" s="287"/>
      <c r="AZ47" s="497"/>
      <c r="BA47" s="254"/>
      <c r="BB47" s="498"/>
      <c r="BC47" s="497"/>
      <c r="BD47" s="254"/>
      <c r="BE47" s="254"/>
      <c r="BF47" s="483"/>
      <c r="BG47" s="484"/>
      <c r="BH47" s="491"/>
      <c r="BI47" s="28"/>
      <c r="BJ47" s="29"/>
      <c r="BK47" s="29"/>
      <c r="BL47" s="29"/>
      <c r="BM47" s="30"/>
      <c r="BN47" s="28"/>
      <c r="BO47" s="29"/>
      <c r="BP47" s="29"/>
      <c r="BQ47" s="29"/>
      <c r="BR47" s="30"/>
      <c r="BS47" s="31"/>
      <c r="BT47" s="29"/>
      <c r="BU47" s="29"/>
      <c r="BV47" s="31"/>
      <c r="BW47" s="32"/>
    </row>
    <row r="48" spans="1:75" ht="9.9" customHeight="1">
      <c r="A48" s="298">
        <v>19</v>
      </c>
      <c r="B48" s="338"/>
      <c r="C48" s="333"/>
      <c r="D48" s="333"/>
      <c r="E48" s="334"/>
      <c r="F48" s="338"/>
      <c r="G48" s="333"/>
      <c r="H48" s="333"/>
      <c r="I48" s="334"/>
      <c r="J48" s="540" t="s">
        <v>91</v>
      </c>
      <c r="K48" s="541"/>
      <c r="L48" s="541"/>
      <c r="M48" s="541"/>
      <c r="N48" s="541"/>
      <c r="O48" s="541"/>
      <c r="P48" s="541"/>
      <c r="Q48" s="541"/>
      <c r="R48" s="542"/>
      <c r="S48" s="523"/>
      <c r="T48" s="481"/>
      <c r="U48" s="481"/>
      <c r="V48" s="481" t="s">
        <v>32</v>
      </c>
      <c r="W48" s="481"/>
      <c r="X48" s="481"/>
      <c r="Y48" s="481"/>
      <c r="Z48" s="490"/>
      <c r="AA48" s="523"/>
      <c r="AB48" s="481"/>
      <c r="AC48" s="481"/>
      <c r="AD48" s="481" t="s">
        <v>32</v>
      </c>
      <c r="AE48" s="481"/>
      <c r="AF48" s="481"/>
      <c r="AG48" s="481"/>
      <c r="AH48" s="482"/>
      <c r="AI48" s="486"/>
      <c r="AJ48" s="481"/>
      <c r="AK48" s="481"/>
      <c r="AL48" s="481"/>
      <c r="AM48" s="487"/>
      <c r="AN48" s="480"/>
      <c r="AO48" s="481"/>
      <c r="AP48" s="481"/>
      <c r="AQ48" s="481"/>
      <c r="AR48" s="482"/>
      <c r="AS48" s="342"/>
      <c r="AT48" s="333"/>
      <c r="AU48" s="333"/>
      <c r="AV48" s="334"/>
      <c r="AW48" s="205"/>
      <c r="AX48" s="198"/>
      <c r="AY48" s="499"/>
      <c r="AZ48" s="495"/>
      <c r="BA48" s="251"/>
      <c r="BB48" s="496"/>
      <c r="BC48" s="495"/>
      <c r="BD48" s="251"/>
      <c r="BE48" s="251"/>
      <c r="BF48" s="480"/>
      <c r="BG48" s="481"/>
      <c r="BH48" s="490"/>
      <c r="BI48" s="23"/>
      <c r="BJ48" s="24"/>
      <c r="BK48" s="24"/>
      <c r="BL48" s="24"/>
      <c r="BM48" s="25"/>
      <c r="BN48" s="23"/>
      <c r="BO48" s="24"/>
      <c r="BP48" s="24"/>
      <c r="BQ48" s="24"/>
      <c r="BR48" s="25"/>
      <c r="BS48" s="26"/>
      <c r="BT48" s="24"/>
      <c r="BU48" s="24"/>
      <c r="BV48" s="26"/>
      <c r="BW48" s="27"/>
    </row>
    <row r="49" spans="1:75" ht="9.9" customHeight="1">
      <c r="A49" s="298"/>
      <c r="B49" s="340"/>
      <c r="C49" s="336"/>
      <c r="D49" s="336"/>
      <c r="E49" s="337"/>
      <c r="F49" s="340"/>
      <c r="G49" s="336"/>
      <c r="H49" s="336"/>
      <c r="I49" s="337"/>
      <c r="J49" s="543"/>
      <c r="K49" s="544"/>
      <c r="L49" s="544"/>
      <c r="M49" s="544"/>
      <c r="N49" s="544"/>
      <c r="O49" s="544"/>
      <c r="P49" s="544"/>
      <c r="Q49" s="544"/>
      <c r="R49" s="545"/>
      <c r="S49" s="524"/>
      <c r="T49" s="484"/>
      <c r="U49" s="484"/>
      <c r="V49" s="484"/>
      <c r="W49" s="484"/>
      <c r="X49" s="484"/>
      <c r="Y49" s="484"/>
      <c r="Z49" s="491"/>
      <c r="AA49" s="524"/>
      <c r="AB49" s="484"/>
      <c r="AC49" s="484"/>
      <c r="AD49" s="484"/>
      <c r="AE49" s="484"/>
      <c r="AF49" s="484"/>
      <c r="AG49" s="484"/>
      <c r="AH49" s="485"/>
      <c r="AI49" s="488"/>
      <c r="AJ49" s="484"/>
      <c r="AK49" s="484"/>
      <c r="AL49" s="484"/>
      <c r="AM49" s="489"/>
      <c r="AN49" s="483"/>
      <c r="AO49" s="484"/>
      <c r="AP49" s="484"/>
      <c r="AQ49" s="484"/>
      <c r="AR49" s="485"/>
      <c r="AS49" s="343"/>
      <c r="AT49" s="336"/>
      <c r="AU49" s="336"/>
      <c r="AV49" s="337"/>
      <c r="AW49" s="207"/>
      <c r="AX49" s="200"/>
      <c r="AY49" s="287"/>
      <c r="AZ49" s="497"/>
      <c r="BA49" s="254"/>
      <c r="BB49" s="498"/>
      <c r="BC49" s="497"/>
      <c r="BD49" s="254"/>
      <c r="BE49" s="254"/>
      <c r="BF49" s="483"/>
      <c r="BG49" s="484"/>
      <c r="BH49" s="491"/>
      <c r="BI49" s="28"/>
      <c r="BJ49" s="29"/>
      <c r="BK49" s="29"/>
      <c r="BL49" s="29"/>
      <c r="BM49" s="30"/>
      <c r="BN49" s="28"/>
      <c r="BO49" s="29"/>
      <c r="BP49" s="29"/>
      <c r="BQ49" s="29"/>
      <c r="BR49" s="30"/>
      <c r="BS49" s="31"/>
      <c r="BT49" s="29"/>
      <c r="BU49" s="29"/>
      <c r="BV49" s="31"/>
      <c r="BW49" s="32"/>
    </row>
    <row r="50" spans="1:75" ht="9.9" customHeight="1">
      <c r="A50" s="298">
        <v>20</v>
      </c>
      <c r="B50" s="338"/>
      <c r="C50" s="333"/>
      <c r="D50" s="333"/>
      <c r="E50" s="334"/>
      <c r="F50" s="338"/>
      <c r="G50" s="333"/>
      <c r="H50" s="333"/>
      <c r="I50" s="334"/>
      <c r="J50" s="540" t="s">
        <v>91</v>
      </c>
      <c r="K50" s="541"/>
      <c r="L50" s="541"/>
      <c r="M50" s="541"/>
      <c r="N50" s="541"/>
      <c r="O50" s="541"/>
      <c r="P50" s="541"/>
      <c r="Q50" s="541"/>
      <c r="R50" s="542"/>
      <c r="S50" s="523"/>
      <c r="T50" s="481"/>
      <c r="U50" s="481"/>
      <c r="V50" s="481" t="s">
        <v>32</v>
      </c>
      <c r="W50" s="481"/>
      <c r="X50" s="481"/>
      <c r="Y50" s="481"/>
      <c r="Z50" s="490"/>
      <c r="AA50" s="523"/>
      <c r="AB50" s="481"/>
      <c r="AC50" s="481"/>
      <c r="AD50" s="481" t="s">
        <v>32</v>
      </c>
      <c r="AE50" s="481"/>
      <c r="AF50" s="481"/>
      <c r="AG50" s="481"/>
      <c r="AH50" s="482"/>
      <c r="AI50" s="486"/>
      <c r="AJ50" s="481"/>
      <c r="AK50" s="481"/>
      <c r="AL50" s="481"/>
      <c r="AM50" s="487"/>
      <c r="AN50" s="480"/>
      <c r="AO50" s="481"/>
      <c r="AP50" s="481"/>
      <c r="AQ50" s="481"/>
      <c r="AR50" s="482"/>
      <c r="AS50" s="342"/>
      <c r="AT50" s="333"/>
      <c r="AU50" s="333"/>
      <c r="AV50" s="334"/>
      <c r="AW50" s="205"/>
      <c r="AX50" s="198"/>
      <c r="AY50" s="499"/>
      <c r="AZ50" s="495"/>
      <c r="BA50" s="251"/>
      <c r="BB50" s="496"/>
      <c r="BC50" s="495"/>
      <c r="BD50" s="251"/>
      <c r="BE50" s="251"/>
      <c r="BF50" s="480"/>
      <c r="BG50" s="481"/>
      <c r="BH50" s="490"/>
      <c r="BI50" s="23"/>
      <c r="BJ50" s="24"/>
      <c r="BK50" s="24"/>
      <c r="BL50" s="24"/>
      <c r="BM50" s="25"/>
      <c r="BN50" s="23"/>
      <c r="BO50" s="24"/>
      <c r="BP50" s="24"/>
      <c r="BQ50" s="24"/>
      <c r="BR50" s="25"/>
      <c r="BS50" s="26"/>
      <c r="BT50" s="24"/>
      <c r="BU50" s="24"/>
      <c r="BV50" s="26"/>
      <c r="BW50" s="27"/>
    </row>
    <row r="51" spans="1:75" ht="9.9" customHeight="1">
      <c r="A51" s="298"/>
      <c r="B51" s="340"/>
      <c r="C51" s="336"/>
      <c r="D51" s="336"/>
      <c r="E51" s="337"/>
      <c r="F51" s="340"/>
      <c r="G51" s="336"/>
      <c r="H51" s="336"/>
      <c r="I51" s="337"/>
      <c r="J51" s="543"/>
      <c r="K51" s="544"/>
      <c r="L51" s="544"/>
      <c r="M51" s="544"/>
      <c r="N51" s="544"/>
      <c r="O51" s="544"/>
      <c r="P51" s="544"/>
      <c r="Q51" s="544"/>
      <c r="R51" s="545"/>
      <c r="S51" s="524"/>
      <c r="T51" s="484"/>
      <c r="U51" s="484"/>
      <c r="V51" s="484"/>
      <c r="W51" s="484"/>
      <c r="X51" s="484"/>
      <c r="Y51" s="484"/>
      <c r="Z51" s="491"/>
      <c r="AA51" s="524"/>
      <c r="AB51" s="484"/>
      <c r="AC51" s="484"/>
      <c r="AD51" s="484"/>
      <c r="AE51" s="484"/>
      <c r="AF51" s="484"/>
      <c r="AG51" s="484"/>
      <c r="AH51" s="485"/>
      <c r="AI51" s="488"/>
      <c r="AJ51" s="484"/>
      <c r="AK51" s="484"/>
      <c r="AL51" s="484"/>
      <c r="AM51" s="489"/>
      <c r="AN51" s="483"/>
      <c r="AO51" s="484"/>
      <c r="AP51" s="484"/>
      <c r="AQ51" s="484"/>
      <c r="AR51" s="485"/>
      <c r="AS51" s="343"/>
      <c r="AT51" s="336"/>
      <c r="AU51" s="336"/>
      <c r="AV51" s="337"/>
      <c r="AW51" s="207"/>
      <c r="AX51" s="200"/>
      <c r="AY51" s="287"/>
      <c r="AZ51" s="497"/>
      <c r="BA51" s="254"/>
      <c r="BB51" s="498"/>
      <c r="BC51" s="497"/>
      <c r="BD51" s="254"/>
      <c r="BE51" s="254"/>
      <c r="BF51" s="483"/>
      <c r="BG51" s="484"/>
      <c r="BH51" s="491"/>
      <c r="BI51" s="28"/>
      <c r="BJ51" s="29"/>
      <c r="BK51" s="29"/>
      <c r="BL51" s="29"/>
      <c r="BM51" s="30"/>
      <c r="BN51" s="28"/>
      <c r="BO51" s="29"/>
      <c r="BP51" s="29"/>
      <c r="BQ51" s="29"/>
      <c r="BR51" s="30"/>
      <c r="BS51" s="31"/>
      <c r="BT51" s="29"/>
      <c r="BU51" s="29"/>
      <c r="BV51" s="31"/>
      <c r="BW51" s="32"/>
    </row>
    <row r="52" spans="1:75" ht="9.9" customHeight="1">
      <c r="A52" s="298">
        <v>21</v>
      </c>
      <c r="B52" s="338"/>
      <c r="C52" s="333"/>
      <c r="D52" s="333"/>
      <c r="E52" s="334"/>
      <c r="F52" s="338"/>
      <c r="G52" s="333"/>
      <c r="H52" s="333"/>
      <c r="I52" s="334"/>
      <c r="J52" s="540" t="s">
        <v>91</v>
      </c>
      <c r="K52" s="541"/>
      <c r="L52" s="541"/>
      <c r="M52" s="541"/>
      <c r="N52" s="541"/>
      <c r="O52" s="541"/>
      <c r="P52" s="541"/>
      <c r="Q52" s="541"/>
      <c r="R52" s="542"/>
      <c r="S52" s="523"/>
      <c r="T52" s="481"/>
      <c r="U52" s="481"/>
      <c r="V52" s="481" t="s">
        <v>32</v>
      </c>
      <c r="W52" s="481"/>
      <c r="X52" s="481"/>
      <c r="Y52" s="481"/>
      <c r="Z52" s="490"/>
      <c r="AA52" s="523"/>
      <c r="AB52" s="481"/>
      <c r="AC52" s="481"/>
      <c r="AD52" s="481" t="s">
        <v>32</v>
      </c>
      <c r="AE52" s="481"/>
      <c r="AF52" s="481"/>
      <c r="AG52" s="481"/>
      <c r="AH52" s="482"/>
      <c r="AI52" s="486"/>
      <c r="AJ52" s="481"/>
      <c r="AK52" s="481"/>
      <c r="AL52" s="481"/>
      <c r="AM52" s="487"/>
      <c r="AN52" s="480"/>
      <c r="AO52" s="481"/>
      <c r="AP52" s="481"/>
      <c r="AQ52" s="481"/>
      <c r="AR52" s="482"/>
      <c r="AS52" s="342"/>
      <c r="AT52" s="333"/>
      <c r="AU52" s="333"/>
      <c r="AV52" s="334"/>
      <c r="AW52" s="205"/>
      <c r="AX52" s="198"/>
      <c r="AY52" s="499"/>
      <c r="AZ52" s="495"/>
      <c r="BA52" s="251"/>
      <c r="BB52" s="496"/>
      <c r="BC52" s="495"/>
      <c r="BD52" s="251"/>
      <c r="BE52" s="251"/>
      <c r="BF52" s="480"/>
      <c r="BG52" s="481"/>
      <c r="BH52" s="490"/>
      <c r="BI52" s="23"/>
      <c r="BJ52" s="24"/>
      <c r="BK52" s="24"/>
      <c r="BL52" s="24"/>
      <c r="BM52" s="25"/>
      <c r="BN52" s="23"/>
      <c r="BO52" s="24"/>
      <c r="BP52" s="24"/>
      <c r="BQ52" s="24"/>
      <c r="BR52" s="25"/>
      <c r="BS52" s="26"/>
      <c r="BT52" s="24"/>
      <c r="BU52" s="24"/>
      <c r="BV52" s="26"/>
      <c r="BW52" s="27"/>
    </row>
    <row r="53" spans="1:75" ht="9.9" customHeight="1">
      <c r="A53" s="298"/>
      <c r="B53" s="340"/>
      <c r="C53" s="336"/>
      <c r="D53" s="336"/>
      <c r="E53" s="337"/>
      <c r="F53" s="340"/>
      <c r="G53" s="336"/>
      <c r="H53" s="336"/>
      <c r="I53" s="337"/>
      <c r="J53" s="543"/>
      <c r="K53" s="544"/>
      <c r="L53" s="544"/>
      <c r="M53" s="544"/>
      <c r="N53" s="544"/>
      <c r="O53" s="544"/>
      <c r="P53" s="544"/>
      <c r="Q53" s="544"/>
      <c r="R53" s="545"/>
      <c r="S53" s="524"/>
      <c r="T53" s="484"/>
      <c r="U53" s="484"/>
      <c r="V53" s="484"/>
      <c r="W53" s="484"/>
      <c r="X53" s="484"/>
      <c r="Y53" s="484"/>
      <c r="Z53" s="491"/>
      <c r="AA53" s="524"/>
      <c r="AB53" s="484"/>
      <c r="AC53" s="484"/>
      <c r="AD53" s="484"/>
      <c r="AE53" s="484"/>
      <c r="AF53" s="484"/>
      <c r="AG53" s="484"/>
      <c r="AH53" s="485"/>
      <c r="AI53" s="488"/>
      <c r="AJ53" s="484"/>
      <c r="AK53" s="484"/>
      <c r="AL53" s="484"/>
      <c r="AM53" s="489"/>
      <c r="AN53" s="483"/>
      <c r="AO53" s="484"/>
      <c r="AP53" s="484"/>
      <c r="AQ53" s="484"/>
      <c r="AR53" s="485"/>
      <c r="AS53" s="343"/>
      <c r="AT53" s="336"/>
      <c r="AU53" s="336"/>
      <c r="AV53" s="337"/>
      <c r="AW53" s="207"/>
      <c r="AX53" s="200"/>
      <c r="AY53" s="287"/>
      <c r="AZ53" s="497"/>
      <c r="BA53" s="254"/>
      <c r="BB53" s="498"/>
      <c r="BC53" s="497"/>
      <c r="BD53" s="254"/>
      <c r="BE53" s="254"/>
      <c r="BF53" s="483"/>
      <c r="BG53" s="484"/>
      <c r="BH53" s="491"/>
      <c r="BI53" s="28"/>
      <c r="BJ53" s="29"/>
      <c r="BK53" s="29"/>
      <c r="BL53" s="29"/>
      <c r="BM53" s="30"/>
      <c r="BN53" s="28"/>
      <c r="BO53" s="29"/>
      <c r="BP53" s="29"/>
      <c r="BQ53" s="29"/>
      <c r="BR53" s="30"/>
      <c r="BS53" s="31"/>
      <c r="BT53" s="29"/>
      <c r="BU53" s="29"/>
      <c r="BV53" s="31"/>
      <c r="BW53" s="32"/>
    </row>
    <row r="54" spans="1:75" ht="9.9" customHeight="1">
      <c r="A54" s="298">
        <v>22</v>
      </c>
      <c r="B54" s="338"/>
      <c r="C54" s="333"/>
      <c r="D54" s="333"/>
      <c r="E54" s="334"/>
      <c r="F54" s="338"/>
      <c r="G54" s="333"/>
      <c r="H54" s="333"/>
      <c r="I54" s="334"/>
      <c r="J54" s="540" t="s">
        <v>91</v>
      </c>
      <c r="K54" s="541"/>
      <c r="L54" s="541"/>
      <c r="M54" s="541"/>
      <c r="N54" s="541"/>
      <c r="O54" s="541"/>
      <c r="P54" s="541"/>
      <c r="Q54" s="541"/>
      <c r="R54" s="542"/>
      <c r="S54" s="523"/>
      <c r="T54" s="481"/>
      <c r="U54" s="481"/>
      <c r="V54" s="481" t="s">
        <v>32</v>
      </c>
      <c r="W54" s="481"/>
      <c r="X54" s="481"/>
      <c r="Y54" s="481"/>
      <c r="Z54" s="490"/>
      <c r="AA54" s="523"/>
      <c r="AB54" s="481"/>
      <c r="AC54" s="481"/>
      <c r="AD54" s="481" t="s">
        <v>32</v>
      </c>
      <c r="AE54" s="481"/>
      <c r="AF54" s="481"/>
      <c r="AG54" s="481"/>
      <c r="AH54" s="482"/>
      <c r="AI54" s="486"/>
      <c r="AJ54" s="481"/>
      <c r="AK54" s="481"/>
      <c r="AL54" s="481"/>
      <c r="AM54" s="487"/>
      <c r="AN54" s="480"/>
      <c r="AO54" s="481"/>
      <c r="AP54" s="481"/>
      <c r="AQ54" s="481"/>
      <c r="AR54" s="482"/>
      <c r="AS54" s="342"/>
      <c r="AT54" s="333"/>
      <c r="AU54" s="333"/>
      <c r="AV54" s="334"/>
      <c r="AW54" s="205"/>
      <c r="AX54" s="198"/>
      <c r="AY54" s="499"/>
      <c r="AZ54" s="495"/>
      <c r="BA54" s="251"/>
      <c r="BB54" s="496"/>
      <c r="BC54" s="495"/>
      <c r="BD54" s="251"/>
      <c r="BE54" s="251"/>
      <c r="BF54" s="480"/>
      <c r="BG54" s="481"/>
      <c r="BH54" s="490"/>
      <c r="BI54" s="23"/>
      <c r="BJ54" s="24"/>
      <c r="BK54" s="24"/>
      <c r="BL54" s="24"/>
      <c r="BM54" s="25"/>
      <c r="BN54" s="23"/>
      <c r="BO54" s="24"/>
      <c r="BP54" s="24"/>
      <c r="BQ54" s="24"/>
      <c r="BR54" s="25"/>
      <c r="BS54" s="26"/>
      <c r="BT54" s="24"/>
      <c r="BU54" s="24"/>
      <c r="BV54" s="26"/>
      <c r="BW54" s="27"/>
    </row>
    <row r="55" spans="1:75" ht="9.9" customHeight="1">
      <c r="A55" s="298"/>
      <c r="B55" s="340"/>
      <c r="C55" s="336"/>
      <c r="D55" s="336"/>
      <c r="E55" s="337"/>
      <c r="F55" s="340"/>
      <c r="G55" s="336"/>
      <c r="H55" s="336"/>
      <c r="I55" s="337"/>
      <c r="J55" s="543"/>
      <c r="K55" s="544"/>
      <c r="L55" s="544"/>
      <c r="M55" s="544"/>
      <c r="N55" s="544"/>
      <c r="O55" s="544"/>
      <c r="P55" s="544"/>
      <c r="Q55" s="544"/>
      <c r="R55" s="545"/>
      <c r="S55" s="524"/>
      <c r="T55" s="484"/>
      <c r="U55" s="484"/>
      <c r="V55" s="484"/>
      <c r="W55" s="484"/>
      <c r="X55" s="484"/>
      <c r="Y55" s="484"/>
      <c r="Z55" s="491"/>
      <c r="AA55" s="524"/>
      <c r="AB55" s="484"/>
      <c r="AC55" s="484"/>
      <c r="AD55" s="484"/>
      <c r="AE55" s="484"/>
      <c r="AF55" s="484"/>
      <c r="AG55" s="484"/>
      <c r="AH55" s="485"/>
      <c r="AI55" s="488"/>
      <c r="AJ55" s="484"/>
      <c r="AK55" s="484"/>
      <c r="AL55" s="484"/>
      <c r="AM55" s="489"/>
      <c r="AN55" s="483"/>
      <c r="AO55" s="484"/>
      <c r="AP55" s="484"/>
      <c r="AQ55" s="484"/>
      <c r="AR55" s="485"/>
      <c r="AS55" s="343"/>
      <c r="AT55" s="336"/>
      <c r="AU55" s="336"/>
      <c r="AV55" s="337"/>
      <c r="AW55" s="207"/>
      <c r="AX55" s="200"/>
      <c r="AY55" s="287"/>
      <c r="AZ55" s="497"/>
      <c r="BA55" s="254"/>
      <c r="BB55" s="498"/>
      <c r="BC55" s="497"/>
      <c r="BD55" s="254"/>
      <c r="BE55" s="254"/>
      <c r="BF55" s="483"/>
      <c r="BG55" s="484"/>
      <c r="BH55" s="491"/>
      <c r="BI55" s="28"/>
      <c r="BJ55" s="29"/>
      <c r="BK55" s="29"/>
      <c r="BL55" s="29"/>
      <c r="BM55" s="30"/>
      <c r="BN55" s="28"/>
      <c r="BO55" s="29"/>
      <c r="BP55" s="29"/>
      <c r="BQ55" s="29"/>
      <c r="BR55" s="30"/>
      <c r="BS55" s="31"/>
      <c r="BT55" s="29"/>
      <c r="BU55" s="29"/>
      <c r="BV55" s="31"/>
      <c r="BW55" s="32"/>
    </row>
    <row r="56" spans="1:75" ht="9.9" customHeight="1">
      <c r="A56" s="298">
        <v>23</v>
      </c>
      <c r="B56" s="338"/>
      <c r="C56" s="333"/>
      <c r="D56" s="333"/>
      <c r="E56" s="334"/>
      <c r="F56" s="338"/>
      <c r="G56" s="333"/>
      <c r="H56" s="333"/>
      <c r="I56" s="334"/>
      <c r="J56" s="540" t="s">
        <v>91</v>
      </c>
      <c r="K56" s="541"/>
      <c r="L56" s="541"/>
      <c r="M56" s="541"/>
      <c r="N56" s="541"/>
      <c r="O56" s="541"/>
      <c r="P56" s="541"/>
      <c r="Q56" s="541"/>
      <c r="R56" s="542"/>
      <c r="S56" s="523"/>
      <c r="T56" s="481"/>
      <c r="U56" s="481"/>
      <c r="V56" s="481" t="s">
        <v>32</v>
      </c>
      <c r="W56" s="481"/>
      <c r="X56" s="481"/>
      <c r="Y56" s="481"/>
      <c r="Z56" s="490"/>
      <c r="AA56" s="523"/>
      <c r="AB56" s="481"/>
      <c r="AC56" s="481"/>
      <c r="AD56" s="481" t="s">
        <v>32</v>
      </c>
      <c r="AE56" s="481"/>
      <c r="AF56" s="481"/>
      <c r="AG56" s="481"/>
      <c r="AH56" s="482"/>
      <c r="AI56" s="486"/>
      <c r="AJ56" s="481"/>
      <c r="AK56" s="481"/>
      <c r="AL56" s="481"/>
      <c r="AM56" s="487"/>
      <c r="AN56" s="480"/>
      <c r="AO56" s="481"/>
      <c r="AP56" s="481"/>
      <c r="AQ56" s="481"/>
      <c r="AR56" s="482"/>
      <c r="AS56" s="342"/>
      <c r="AT56" s="333"/>
      <c r="AU56" s="333"/>
      <c r="AV56" s="334"/>
      <c r="AW56" s="205"/>
      <c r="AX56" s="198"/>
      <c r="AY56" s="499"/>
      <c r="AZ56" s="495"/>
      <c r="BA56" s="251"/>
      <c r="BB56" s="496"/>
      <c r="BC56" s="495"/>
      <c r="BD56" s="251"/>
      <c r="BE56" s="251"/>
      <c r="BF56" s="480"/>
      <c r="BG56" s="481"/>
      <c r="BH56" s="490"/>
      <c r="BI56" s="23"/>
      <c r="BJ56" s="24"/>
      <c r="BK56" s="24"/>
      <c r="BL56" s="24"/>
      <c r="BM56" s="25"/>
      <c r="BN56" s="23"/>
      <c r="BO56" s="24"/>
      <c r="BP56" s="24"/>
      <c r="BQ56" s="24"/>
      <c r="BR56" s="25"/>
      <c r="BS56" s="26"/>
      <c r="BT56" s="24"/>
      <c r="BU56" s="24"/>
      <c r="BV56" s="26"/>
      <c r="BW56" s="27"/>
    </row>
    <row r="57" spans="1:75" ht="9.9" customHeight="1">
      <c r="A57" s="298"/>
      <c r="B57" s="340"/>
      <c r="C57" s="336"/>
      <c r="D57" s="336"/>
      <c r="E57" s="337"/>
      <c r="F57" s="340"/>
      <c r="G57" s="336"/>
      <c r="H57" s="336"/>
      <c r="I57" s="337"/>
      <c r="J57" s="543"/>
      <c r="K57" s="544"/>
      <c r="L57" s="544"/>
      <c r="M57" s="544"/>
      <c r="N57" s="544"/>
      <c r="O57" s="544"/>
      <c r="P57" s="544"/>
      <c r="Q57" s="544"/>
      <c r="R57" s="545"/>
      <c r="S57" s="524"/>
      <c r="T57" s="484"/>
      <c r="U57" s="484"/>
      <c r="V57" s="484"/>
      <c r="W57" s="484"/>
      <c r="X57" s="484"/>
      <c r="Y57" s="484"/>
      <c r="Z57" s="491"/>
      <c r="AA57" s="524"/>
      <c r="AB57" s="484"/>
      <c r="AC57" s="484"/>
      <c r="AD57" s="484"/>
      <c r="AE57" s="484"/>
      <c r="AF57" s="484"/>
      <c r="AG57" s="484"/>
      <c r="AH57" s="485"/>
      <c r="AI57" s="488"/>
      <c r="AJ57" s="484"/>
      <c r="AK57" s="484"/>
      <c r="AL57" s="484"/>
      <c r="AM57" s="489"/>
      <c r="AN57" s="483"/>
      <c r="AO57" s="484"/>
      <c r="AP57" s="484"/>
      <c r="AQ57" s="484"/>
      <c r="AR57" s="485"/>
      <c r="AS57" s="343"/>
      <c r="AT57" s="336"/>
      <c r="AU57" s="336"/>
      <c r="AV57" s="337"/>
      <c r="AW57" s="207"/>
      <c r="AX57" s="200"/>
      <c r="AY57" s="287"/>
      <c r="AZ57" s="497"/>
      <c r="BA57" s="254"/>
      <c r="BB57" s="498"/>
      <c r="BC57" s="497"/>
      <c r="BD57" s="254"/>
      <c r="BE57" s="254"/>
      <c r="BF57" s="483"/>
      <c r="BG57" s="484"/>
      <c r="BH57" s="491"/>
      <c r="BI57" s="28"/>
      <c r="BJ57" s="29"/>
      <c r="BK57" s="29"/>
      <c r="BL57" s="29"/>
      <c r="BM57" s="30"/>
      <c r="BN57" s="28"/>
      <c r="BO57" s="29"/>
      <c r="BP57" s="29"/>
      <c r="BQ57" s="29"/>
      <c r="BR57" s="30"/>
      <c r="BS57" s="31"/>
      <c r="BT57" s="29"/>
      <c r="BU57" s="29"/>
      <c r="BV57" s="31"/>
      <c r="BW57" s="32"/>
    </row>
    <row r="58" spans="1:75" ht="9.9" customHeight="1">
      <c r="A58" s="298">
        <v>24</v>
      </c>
      <c r="B58" s="338"/>
      <c r="C58" s="333"/>
      <c r="D58" s="333"/>
      <c r="E58" s="334"/>
      <c r="F58" s="338"/>
      <c r="G58" s="333"/>
      <c r="H58" s="333"/>
      <c r="I58" s="334"/>
      <c r="J58" s="540" t="s">
        <v>91</v>
      </c>
      <c r="K58" s="541"/>
      <c r="L58" s="541"/>
      <c r="M58" s="541"/>
      <c r="N58" s="541"/>
      <c r="O58" s="541"/>
      <c r="P58" s="541"/>
      <c r="Q58" s="541"/>
      <c r="R58" s="542"/>
      <c r="S58" s="523"/>
      <c r="T58" s="481"/>
      <c r="U58" s="481"/>
      <c r="V58" s="481" t="s">
        <v>32</v>
      </c>
      <c r="W58" s="481"/>
      <c r="X58" s="481"/>
      <c r="Y58" s="481"/>
      <c r="Z58" s="490"/>
      <c r="AA58" s="523"/>
      <c r="AB58" s="481"/>
      <c r="AC58" s="481"/>
      <c r="AD58" s="481" t="s">
        <v>32</v>
      </c>
      <c r="AE58" s="481"/>
      <c r="AF58" s="481"/>
      <c r="AG58" s="481"/>
      <c r="AH58" s="482"/>
      <c r="AI58" s="486"/>
      <c r="AJ58" s="481"/>
      <c r="AK58" s="481"/>
      <c r="AL58" s="481"/>
      <c r="AM58" s="487"/>
      <c r="AN58" s="480"/>
      <c r="AO58" s="481"/>
      <c r="AP58" s="481"/>
      <c r="AQ58" s="481"/>
      <c r="AR58" s="482"/>
      <c r="AS58" s="342"/>
      <c r="AT58" s="333"/>
      <c r="AU58" s="333"/>
      <c r="AV58" s="334"/>
      <c r="AW58" s="205"/>
      <c r="AX58" s="198"/>
      <c r="AY58" s="499"/>
      <c r="AZ58" s="495"/>
      <c r="BA58" s="251"/>
      <c r="BB58" s="496"/>
      <c r="BC58" s="495"/>
      <c r="BD58" s="251"/>
      <c r="BE58" s="251"/>
      <c r="BF58" s="480"/>
      <c r="BG58" s="481"/>
      <c r="BH58" s="490"/>
      <c r="BI58" s="23"/>
      <c r="BJ58" s="24"/>
      <c r="BK58" s="24"/>
      <c r="BL58" s="24"/>
      <c r="BM58" s="25"/>
      <c r="BN58" s="23"/>
      <c r="BO58" s="24"/>
      <c r="BP58" s="24"/>
      <c r="BQ58" s="24"/>
      <c r="BR58" s="25"/>
      <c r="BS58" s="26"/>
      <c r="BT58" s="24"/>
      <c r="BU58" s="24"/>
      <c r="BV58" s="26"/>
      <c r="BW58" s="27"/>
    </row>
    <row r="59" spans="1:75" ht="9.9" customHeight="1">
      <c r="A59" s="298"/>
      <c r="B59" s="340"/>
      <c r="C59" s="336"/>
      <c r="D59" s="336"/>
      <c r="E59" s="337"/>
      <c r="F59" s="340"/>
      <c r="G59" s="336"/>
      <c r="H59" s="336"/>
      <c r="I59" s="337"/>
      <c r="J59" s="543"/>
      <c r="K59" s="544"/>
      <c r="L59" s="544"/>
      <c r="M59" s="544"/>
      <c r="N59" s="544"/>
      <c r="O59" s="544"/>
      <c r="P59" s="544"/>
      <c r="Q59" s="544"/>
      <c r="R59" s="545"/>
      <c r="S59" s="524"/>
      <c r="T59" s="484"/>
      <c r="U59" s="484"/>
      <c r="V59" s="484"/>
      <c r="W59" s="484"/>
      <c r="X59" s="484"/>
      <c r="Y59" s="484"/>
      <c r="Z59" s="491"/>
      <c r="AA59" s="524"/>
      <c r="AB59" s="484"/>
      <c r="AC59" s="484"/>
      <c r="AD59" s="484"/>
      <c r="AE59" s="484"/>
      <c r="AF59" s="484"/>
      <c r="AG59" s="484"/>
      <c r="AH59" s="485"/>
      <c r="AI59" s="488"/>
      <c r="AJ59" s="484"/>
      <c r="AK59" s="484"/>
      <c r="AL59" s="484"/>
      <c r="AM59" s="489"/>
      <c r="AN59" s="483"/>
      <c r="AO59" s="484"/>
      <c r="AP59" s="484"/>
      <c r="AQ59" s="484"/>
      <c r="AR59" s="485"/>
      <c r="AS59" s="343"/>
      <c r="AT59" s="336"/>
      <c r="AU59" s="336"/>
      <c r="AV59" s="337"/>
      <c r="AW59" s="207"/>
      <c r="AX59" s="200"/>
      <c r="AY59" s="287"/>
      <c r="AZ59" s="497"/>
      <c r="BA59" s="254"/>
      <c r="BB59" s="498"/>
      <c r="BC59" s="497"/>
      <c r="BD59" s="254"/>
      <c r="BE59" s="254"/>
      <c r="BF59" s="483"/>
      <c r="BG59" s="484"/>
      <c r="BH59" s="491"/>
      <c r="BI59" s="28"/>
      <c r="BJ59" s="29"/>
      <c r="BK59" s="29"/>
      <c r="BL59" s="29"/>
      <c r="BM59" s="30"/>
      <c r="BN59" s="28"/>
      <c r="BO59" s="29"/>
      <c r="BP59" s="29"/>
      <c r="BQ59" s="29"/>
      <c r="BR59" s="30"/>
      <c r="BS59" s="31"/>
      <c r="BT59" s="29"/>
      <c r="BU59" s="29"/>
      <c r="BV59" s="31"/>
      <c r="BW59" s="32"/>
    </row>
    <row r="60" spans="1:75" ht="9.9" customHeight="1">
      <c r="A60" s="298">
        <v>25</v>
      </c>
      <c r="B60" s="338"/>
      <c r="C60" s="333"/>
      <c r="D60" s="333"/>
      <c r="E60" s="334"/>
      <c r="F60" s="338"/>
      <c r="G60" s="333"/>
      <c r="H60" s="333"/>
      <c r="I60" s="334"/>
      <c r="J60" s="540" t="s">
        <v>91</v>
      </c>
      <c r="K60" s="541"/>
      <c r="L60" s="541"/>
      <c r="M60" s="541"/>
      <c r="N60" s="541"/>
      <c r="O60" s="541"/>
      <c r="P60" s="541"/>
      <c r="Q60" s="541"/>
      <c r="R60" s="542"/>
      <c r="S60" s="523"/>
      <c r="T60" s="481"/>
      <c r="U60" s="481"/>
      <c r="V60" s="481" t="s">
        <v>32</v>
      </c>
      <c r="W60" s="481"/>
      <c r="X60" s="481"/>
      <c r="Y60" s="481"/>
      <c r="Z60" s="490"/>
      <c r="AA60" s="523"/>
      <c r="AB60" s="481"/>
      <c r="AC60" s="481"/>
      <c r="AD60" s="481" t="s">
        <v>32</v>
      </c>
      <c r="AE60" s="481"/>
      <c r="AF60" s="481"/>
      <c r="AG60" s="481"/>
      <c r="AH60" s="482"/>
      <c r="AI60" s="486"/>
      <c r="AJ60" s="481"/>
      <c r="AK60" s="481"/>
      <c r="AL60" s="481"/>
      <c r="AM60" s="487"/>
      <c r="AN60" s="480"/>
      <c r="AO60" s="481"/>
      <c r="AP60" s="481"/>
      <c r="AQ60" s="481"/>
      <c r="AR60" s="482"/>
      <c r="AS60" s="342"/>
      <c r="AT60" s="333"/>
      <c r="AU60" s="333"/>
      <c r="AV60" s="334"/>
      <c r="AW60" s="205"/>
      <c r="AX60" s="198"/>
      <c r="AY60" s="499"/>
      <c r="AZ60" s="495"/>
      <c r="BA60" s="251"/>
      <c r="BB60" s="496"/>
      <c r="BC60" s="495"/>
      <c r="BD60" s="251"/>
      <c r="BE60" s="251"/>
      <c r="BF60" s="480"/>
      <c r="BG60" s="481"/>
      <c r="BH60" s="490"/>
      <c r="BI60" s="23"/>
      <c r="BJ60" s="24"/>
      <c r="BK60" s="24"/>
      <c r="BL60" s="24"/>
      <c r="BM60" s="25"/>
      <c r="BN60" s="23"/>
      <c r="BO60" s="24"/>
      <c r="BP60" s="24"/>
      <c r="BQ60" s="24"/>
      <c r="BR60" s="25"/>
      <c r="BS60" s="26"/>
      <c r="BT60" s="24"/>
      <c r="BU60" s="24"/>
      <c r="BV60" s="26"/>
      <c r="BW60" s="27"/>
    </row>
    <row r="61" spans="1:75" ht="9.9" customHeight="1">
      <c r="A61" s="298"/>
      <c r="B61" s="340"/>
      <c r="C61" s="336"/>
      <c r="D61" s="336"/>
      <c r="E61" s="337"/>
      <c r="F61" s="340"/>
      <c r="G61" s="336"/>
      <c r="H61" s="336"/>
      <c r="I61" s="337"/>
      <c r="J61" s="543"/>
      <c r="K61" s="544"/>
      <c r="L61" s="544"/>
      <c r="M61" s="544"/>
      <c r="N61" s="544"/>
      <c r="O61" s="544"/>
      <c r="P61" s="544"/>
      <c r="Q61" s="544"/>
      <c r="R61" s="545"/>
      <c r="S61" s="524"/>
      <c r="T61" s="484"/>
      <c r="U61" s="484"/>
      <c r="V61" s="484"/>
      <c r="W61" s="484"/>
      <c r="X61" s="484"/>
      <c r="Y61" s="484"/>
      <c r="Z61" s="491"/>
      <c r="AA61" s="524"/>
      <c r="AB61" s="484"/>
      <c r="AC61" s="484"/>
      <c r="AD61" s="484"/>
      <c r="AE61" s="484"/>
      <c r="AF61" s="484"/>
      <c r="AG61" s="484"/>
      <c r="AH61" s="485"/>
      <c r="AI61" s="488"/>
      <c r="AJ61" s="484"/>
      <c r="AK61" s="484"/>
      <c r="AL61" s="484"/>
      <c r="AM61" s="489"/>
      <c r="AN61" s="483"/>
      <c r="AO61" s="484"/>
      <c r="AP61" s="484"/>
      <c r="AQ61" s="484"/>
      <c r="AR61" s="485"/>
      <c r="AS61" s="343"/>
      <c r="AT61" s="336"/>
      <c r="AU61" s="336"/>
      <c r="AV61" s="337"/>
      <c r="AW61" s="207"/>
      <c r="AX61" s="200"/>
      <c r="AY61" s="287"/>
      <c r="AZ61" s="497"/>
      <c r="BA61" s="254"/>
      <c r="BB61" s="498"/>
      <c r="BC61" s="497"/>
      <c r="BD61" s="254"/>
      <c r="BE61" s="254"/>
      <c r="BF61" s="483"/>
      <c r="BG61" s="484"/>
      <c r="BH61" s="491"/>
      <c r="BI61" s="28"/>
      <c r="BJ61" s="29"/>
      <c r="BK61" s="29"/>
      <c r="BL61" s="29"/>
      <c r="BM61" s="30"/>
      <c r="BN61" s="28"/>
      <c r="BO61" s="29"/>
      <c r="BP61" s="29"/>
      <c r="BQ61" s="29"/>
      <c r="BR61" s="30"/>
      <c r="BS61" s="31"/>
      <c r="BT61" s="29"/>
      <c r="BU61" s="29"/>
      <c r="BV61" s="31"/>
      <c r="BW61" s="32"/>
    </row>
    <row r="62" spans="1:75" ht="9.9" customHeight="1">
      <c r="A62" s="298">
        <v>26</v>
      </c>
      <c r="B62" s="338"/>
      <c r="C62" s="333"/>
      <c r="D62" s="333"/>
      <c r="E62" s="334"/>
      <c r="F62" s="338"/>
      <c r="G62" s="333"/>
      <c r="H62" s="333"/>
      <c r="I62" s="334"/>
      <c r="J62" s="540" t="s">
        <v>91</v>
      </c>
      <c r="K62" s="541"/>
      <c r="L62" s="541"/>
      <c r="M62" s="541"/>
      <c r="N62" s="541"/>
      <c r="O62" s="541"/>
      <c r="P62" s="541"/>
      <c r="Q62" s="541"/>
      <c r="R62" s="542"/>
      <c r="S62" s="523"/>
      <c r="T62" s="481"/>
      <c r="U62" s="481"/>
      <c r="V62" s="481" t="s">
        <v>32</v>
      </c>
      <c r="W62" s="481"/>
      <c r="X62" s="481"/>
      <c r="Y62" s="481"/>
      <c r="Z62" s="490"/>
      <c r="AA62" s="523"/>
      <c r="AB62" s="481"/>
      <c r="AC62" s="481"/>
      <c r="AD62" s="481" t="s">
        <v>32</v>
      </c>
      <c r="AE62" s="481"/>
      <c r="AF62" s="481"/>
      <c r="AG62" s="481"/>
      <c r="AH62" s="482"/>
      <c r="AI62" s="486"/>
      <c r="AJ62" s="481"/>
      <c r="AK62" s="481"/>
      <c r="AL62" s="481"/>
      <c r="AM62" s="487"/>
      <c r="AN62" s="480"/>
      <c r="AO62" s="481"/>
      <c r="AP62" s="481"/>
      <c r="AQ62" s="481"/>
      <c r="AR62" s="482"/>
      <c r="AS62" s="342"/>
      <c r="AT62" s="333"/>
      <c r="AU62" s="333"/>
      <c r="AV62" s="334"/>
      <c r="AW62" s="205"/>
      <c r="AX62" s="198"/>
      <c r="AY62" s="499"/>
      <c r="AZ62" s="495"/>
      <c r="BA62" s="251"/>
      <c r="BB62" s="496"/>
      <c r="BC62" s="495"/>
      <c r="BD62" s="251"/>
      <c r="BE62" s="251"/>
      <c r="BF62" s="480"/>
      <c r="BG62" s="481"/>
      <c r="BH62" s="490"/>
      <c r="BI62" s="23"/>
      <c r="BJ62" s="24"/>
      <c r="BK62" s="24"/>
      <c r="BL62" s="24"/>
      <c r="BM62" s="25"/>
      <c r="BN62" s="23"/>
      <c r="BO62" s="24"/>
      <c r="BP62" s="24"/>
      <c r="BQ62" s="24"/>
      <c r="BR62" s="25"/>
      <c r="BS62" s="26"/>
      <c r="BT62" s="24"/>
      <c r="BU62" s="24"/>
      <c r="BV62" s="26"/>
      <c r="BW62" s="27"/>
    </row>
    <row r="63" spans="1:75" ht="9.9" customHeight="1">
      <c r="A63" s="298"/>
      <c r="B63" s="340"/>
      <c r="C63" s="336"/>
      <c r="D63" s="336"/>
      <c r="E63" s="337"/>
      <c r="F63" s="340"/>
      <c r="G63" s="336"/>
      <c r="H63" s="336"/>
      <c r="I63" s="337"/>
      <c r="J63" s="543"/>
      <c r="K63" s="544"/>
      <c r="L63" s="544"/>
      <c r="M63" s="544"/>
      <c r="N63" s="544"/>
      <c r="O63" s="544"/>
      <c r="P63" s="544"/>
      <c r="Q63" s="544"/>
      <c r="R63" s="545"/>
      <c r="S63" s="524"/>
      <c r="T63" s="484"/>
      <c r="U63" s="484"/>
      <c r="V63" s="484"/>
      <c r="W63" s="484"/>
      <c r="X63" s="484"/>
      <c r="Y63" s="484"/>
      <c r="Z63" s="491"/>
      <c r="AA63" s="524"/>
      <c r="AB63" s="484"/>
      <c r="AC63" s="484"/>
      <c r="AD63" s="484"/>
      <c r="AE63" s="484"/>
      <c r="AF63" s="484"/>
      <c r="AG63" s="484"/>
      <c r="AH63" s="485"/>
      <c r="AI63" s="488"/>
      <c r="AJ63" s="484"/>
      <c r="AK63" s="484"/>
      <c r="AL63" s="484"/>
      <c r="AM63" s="489"/>
      <c r="AN63" s="483"/>
      <c r="AO63" s="484"/>
      <c r="AP63" s="484"/>
      <c r="AQ63" s="484"/>
      <c r="AR63" s="485"/>
      <c r="AS63" s="343"/>
      <c r="AT63" s="336"/>
      <c r="AU63" s="336"/>
      <c r="AV63" s="337"/>
      <c r="AW63" s="207"/>
      <c r="AX63" s="200"/>
      <c r="AY63" s="287"/>
      <c r="AZ63" s="497"/>
      <c r="BA63" s="254"/>
      <c r="BB63" s="498"/>
      <c r="BC63" s="497"/>
      <c r="BD63" s="254"/>
      <c r="BE63" s="254"/>
      <c r="BF63" s="483"/>
      <c r="BG63" s="484"/>
      <c r="BH63" s="491"/>
      <c r="BI63" s="28"/>
      <c r="BJ63" s="29"/>
      <c r="BK63" s="29"/>
      <c r="BL63" s="29"/>
      <c r="BM63" s="30"/>
      <c r="BN63" s="28"/>
      <c r="BO63" s="29"/>
      <c r="BP63" s="29"/>
      <c r="BQ63" s="29"/>
      <c r="BR63" s="30"/>
      <c r="BS63" s="31"/>
      <c r="BT63" s="29"/>
      <c r="BU63" s="29"/>
      <c r="BV63" s="31"/>
      <c r="BW63" s="32"/>
    </row>
    <row r="64" spans="1:75" ht="9.9" customHeight="1">
      <c r="A64" s="298">
        <v>27</v>
      </c>
      <c r="B64" s="338"/>
      <c r="C64" s="333"/>
      <c r="D64" s="333"/>
      <c r="E64" s="334"/>
      <c r="F64" s="338"/>
      <c r="G64" s="333"/>
      <c r="H64" s="333"/>
      <c r="I64" s="334"/>
      <c r="J64" s="540" t="s">
        <v>91</v>
      </c>
      <c r="K64" s="541"/>
      <c r="L64" s="541"/>
      <c r="M64" s="541"/>
      <c r="N64" s="541"/>
      <c r="O64" s="541"/>
      <c r="P64" s="541"/>
      <c r="Q64" s="541"/>
      <c r="R64" s="542"/>
      <c r="S64" s="523"/>
      <c r="T64" s="481"/>
      <c r="U64" s="481"/>
      <c r="V64" s="481" t="s">
        <v>32</v>
      </c>
      <c r="W64" s="481"/>
      <c r="X64" s="481"/>
      <c r="Y64" s="481"/>
      <c r="Z64" s="490"/>
      <c r="AA64" s="523"/>
      <c r="AB64" s="481"/>
      <c r="AC64" s="481"/>
      <c r="AD64" s="481" t="s">
        <v>32</v>
      </c>
      <c r="AE64" s="481"/>
      <c r="AF64" s="481"/>
      <c r="AG64" s="481"/>
      <c r="AH64" s="482"/>
      <c r="AI64" s="486"/>
      <c r="AJ64" s="481"/>
      <c r="AK64" s="481"/>
      <c r="AL64" s="481"/>
      <c r="AM64" s="487"/>
      <c r="AN64" s="480"/>
      <c r="AO64" s="481"/>
      <c r="AP64" s="481"/>
      <c r="AQ64" s="481"/>
      <c r="AR64" s="482"/>
      <c r="AS64" s="342"/>
      <c r="AT64" s="333"/>
      <c r="AU64" s="333"/>
      <c r="AV64" s="334"/>
      <c r="AW64" s="205"/>
      <c r="AX64" s="198"/>
      <c r="AY64" s="499"/>
      <c r="AZ64" s="495"/>
      <c r="BA64" s="251"/>
      <c r="BB64" s="496"/>
      <c r="BC64" s="495"/>
      <c r="BD64" s="251"/>
      <c r="BE64" s="251"/>
      <c r="BF64" s="480"/>
      <c r="BG64" s="481"/>
      <c r="BH64" s="490"/>
      <c r="BI64" s="23"/>
      <c r="BJ64" s="24"/>
      <c r="BK64" s="24"/>
      <c r="BL64" s="24"/>
      <c r="BM64" s="25"/>
      <c r="BN64" s="23"/>
      <c r="BO64" s="24"/>
      <c r="BP64" s="24"/>
      <c r="BQ64" s="24"/>
      <c r="BR64" s="25"/>
      <c r="BS64" s="26"/>
      <c r="BT64" s="24"/>
      <c r="BU64" s="24"/>
      <c r="BV64" s="26"/>
      <c r="BW64" s="27"/>
    </row>
    <row r="65" spans="1:109" ht="9.9" customHeight="1">
      <c r="A65" s="298"/>
      <c r="B65" s="340"/>
      <c r="C65" s="336"/>
      <c r="D65" s="336"/>
      <c r="E65" s="337"/>
      <c r="F65" s="340"/>
      <c r="G65" s="336"/>
      <c r="H65" s="336"/>
      <c r="I65" s="337"/>
      <c r="J65" s="543"/>
      <c r="K65" s="544"/>
      <c r="L65" s="544"/>
      <c r="M65" s="544"/>
      <c r="N65" s="544"/>
      <c r="O65" s="544"/>
      <c r="P65" s="544"/>
      <c r="Q65" s="544"/>
      <c r="R65" s="545"/>
      <c r="S65" s="524"/>
      <c r="T65" s="484"/>
      <c r="U65" s="484"/>
      <c r="V65" s="484"/>
      <c r="W65" s="484"/>
      <c r="X65" s="484"/>
      <c r="Y65" s="484"/>
      <c r="Z65" s="491"/>
      <c r="AA65" s="524"/>
      <c r="AB65" s="484"/>
      <c r="AC65" s="484"/>
      <c r="AD65" s="484"/>
      <c r="AE65" s="484"/>
      <c r="AF65" s="484"/>
      <c r="AG65" s="484"/>
      <c r="AH65" s="485"/>
      <c r="AI65" s="488"/>
      <c r="AJ65" s="484"/>
      <c r="AK65" s="484"/>
      <c r="AL65" s="484"/>
      <c r="AM65" s="489"/>
      <c r="AN65" s="483"/>
      <c r="AO65" s="484"/>
      <c r="AP65" s="484"/>
      <c r="AQ65" s="484"/>
      <c r="AR65" s="485"/>
      <c r="AS65" s="343"/>
      <c r="AT65" s="336"/>
      <c r="AU65" s="336"/>
      <c r="AV65" s="337"/>
      <c r="AW65" s="207"/>
      <c r="AX65" s="200"/>
      <c r="AY65" s="287"/>
      <c r="AZ65" s="497"/>
      <c r="BA65" s="254"/>
      <c r="BB65" s="498"/>
      <c r="BC65" s="497"/>
      <c r="BD65" s="254"/>
      <c r="BE65" s="254"/>
      <c r="BF65" s="483"/>
      <c r="BG65" s="484"/>
      <c r="BH65" s="491"/>
      <c r="BI65" s="28"/>
      <c r="BJ65" s="29"/>
      <c r="BK65" s="29"/>
      <c r="BL65" s="29"/>
      <c r="BM65" s="30"/>
      <c r="BN65" s="28"/>
      <c r="BO65" s="29"/>
      <c r="BP65" s="29"/>
      <c r="BQ65" s="29"/>
      <c r="BR65" s="30"/>
      <c r="BS65" s="31"/>
      <c r="BT65" s="29"/>
      <c r="BU65" s="29"/>
      <c r="BV65" s="31"/>
      <c r="BW65" s="32"/>
    </row>
    <row r="66" spans="1:109" ht="9.9" customHeight="1">
      <c r="A66" s="298">
        <v>28</v>
      </c>
      <c r="B66" s="338"/>
      <c r="C66" s="333"/>
      <c r="D66" s="333"/>
      <c r="E66" s="334"/>
      <c r="F66" s="338"/>
      <c r="G66" s="333"/>
      <c r="H66" s="333"/>
      <c r="I66" s="334"/>
      <c r="J66" s="540" t="s">
        <v>91</v>
      </c>
      <c r="K66" s="541"/>
      <c r="L66" s="541"/>
      <c r="M66" s="541"/>
      <c r="N66" s="541"/>
      <c r="O66" s="541"/>
      <c r="P66" s="541"/>
      <c r="Q66" s="541"/>
      <c r="R66" s="542"/>
      <c r="S66" s="523"/>
      <c r="T66" s="481"/>
      <c r="U66" s="481"/>
      <c r="V66" s="481" t="s">
        <v>32</v>
      </c>
      <c r="W66" s="481"/>
      <c r="X66" s="481"/>
      <c r="Y66" s="481"/>
      <c r="Z66" s="490"/>
      <c r="AA66" s="523"/>
      <c r="AB66" s="481"/>
      <c r="AC66" s="481"/>
      <c r="AD66" s="481" t="s">
        <v>32</v>
      </c>
      <c r="AE66" s="481"/>
      <c r="AF66" s="481"/>
      <c r="AG66" s="481"/>
      <c r="AH66" s="482"/>
      <c r="AI66" s="486"/>
      <c r="AJ66" s="481"/>
      <c r="AK66" s="481"/>
      <c r="AL66" s="481"/>
      <c r="AM66" s="487"/>
      <c r="AN66" s="480"/>
      <c r="AO66" s="481"/>
      <c r="AP66" s="481"/>
      <c r="AQ66" s="481"/>
      <c r="AR66" s="482"/>
      <c r="AS66" s="342"/>
      <c r="AT66" s="333"/>
      <c r="AU66" s="333"/>
      <c r="AV66" s="334"/>
      <c r="AW66" s="205"/>
      <c r="AX66" s="198"/>
      <c r="AY66" s="499"/>
      <c r="AZ66" s="495"/>
      <c r="BA66" s="251"/>
      <c r="BB66" s="496"/>
      <c r="BC66" s="495"/>
      <c r="BD66" s="251"/>
      <c r="BE66" s="251"/>
      <c r="BF66" s="480"/>
      <c r="BG66" s="481"/>
      <c r="BH66" s="490"/>
      <c r="BI66" s="23"/>
      <c r="BJ66" s="24"/>
      <c r="BK66" s="24"/>
      <c r="BL66" s="24"/>
      <c r="BM66" s="25"/>
      <c r="BN66" s="23"/>
      <c r="BO66" s="24"/>
      <c r="BP66" s="24"/>
      <c r="BQ66" s="24"/>
      <c r="BR66" s="25"/>
      <c r="BS66" s="26"/>
      <c r="BT66" s="24"/>
      <c r="BU66" s="24"/>
      <c r="BV66" s="26"/>
      <c r="BW66" s="27"/>
    </row>
    <row r="67" spans="1:109" ht="9.9" customHeight="1">
      <c r="A67" s="298"/>
      <c r="B67" s="340"/>
      <c r="C67" s="336"/>
      <c r="D67" s="336"/>
      <c r="E67" s="337"/>
      <c r="F67" s="340"/>
      <c r="G67" s="336"/>
      <c r="H67" s="336"/>
      <c r="I67" s="337"/>
      <c r="J67" s="543"/>
      <c r="K67" s="544"/>
      <c r="L67" s="544"/>
      <c r="M67" s="544"/>
      <c r="N67" s="544"/>
      <c r="O67" s="544"/>
      <c r="P67" s="544"/>
      <c r="Q67" s="544"/>
      <c r="R67" s="545"/>
      <c r="S67" s="524"/>
      <c r="T67" s="484"/>
      <c r="U67" s="484"/>
      <c r="V67" s="484"/>
      <c r="W67" s="484"/>
      <c r="X67" s="484"/>
      <c r="Y67" s="484"/>
      <c r="Z67" s="491"/>
      <c r="AA67" s="524"/>
      <c r="AB67" s="484"/>
      <c r="AC67" s="484"/>
      <c r="AD67" s="484"/>
      <c r="AE67" s="484"/>
      <c r="AF67" s="484"/>
      <c r="AG67" s="484"/>
      <c r="AH67" s="485"/>
      <c r="AI67" s="488"/>
      <c r="AJ67" s="484"/>
      <c r="AK67" s="484"/>
      <c r="AL67" s="484"/>
      <c r="AM67" s="489"/>
      <c r="AN67" s="483"/>
      <c r="AO67" s="484"/>
      <c r="AP67" s="484"/>
      <c r="AQ67" s="484"/>
      <c r="AR67" s="485"/>
      <c r="AS67" s="343"/>
      <c r="AT67" s="336"/>
      <c r="AU67" s="336"/>
      <c r="AV67" s="337"/>
      <c r="AW67" s="207"/>
      <c r="AX67" s="200"/>
      <c r="AY67" s="287"/>
      <c r="AZ67" s="497"/>
      <c r="BA67" s="254"/>
      <c r="BB67" s="498"/>
      <c r="BC67" s="497"/>
      <c r="BD67" s="254"/>
      <c r="BE67" s="254"/>
      <c r="BF67" s="483"/>
      <c r="BG67" s="484"/>
      <c r="BH67" s="491"/>
      <c r="BI67" s="28"/>
      <c r="BJ67" s="29"/>
      <c r="BK67" s="29"/>
      <c r="BL67" s="29"/>
      <c r="BM67" s="30"/>
      <c r="BN67" s="28"/>
      <c r="BO67" s="29"/>
      <c r="BP67" s="29"/>
      <c r="BQ67" s="29"/>
      <c r="BR67" s="30"/>
      <c r="BS67" s="31"/>
      <c r="BT67" s="29"/>
      <c r="BU67" s="29"/>
      <c r="BV67" s="31"/>
      <c r="BW67" s="32"/>
    </row>
    <row r="68" spans="1:109" ht="9.9" customHeight="1">
      <c r="A68" s="298">
        <v>29</v>
      </c>
      <c r="B68" s="338"/>
      <c r="C68" s="333"/>
      <c r="D68" s="333"/>
      <c r="E68" s="334"/>
      <c r="F68" s="338"/>
      <c r="G68" s="333"/>
      <c r="H68" s="333"/>
      <c r="I68" s="334"/>
      <c r="J68" s="540" t="s">
        <v>91</v>
      </c>
      <c r="K68" s="541"/>
      <c r="L68" s="541"/>
      <c r="M68" s="541"/>
      <c r="N68" s="541"/>
      <c r="O68" s="541"/>
      <c r="P68" s="541"/>
      <c r="Q68" s="541"/>
      <c r="R68" s="542"/>
      <c r="S68" s="523"/>
      <c r="T68" s="481"/>
      <c r="U68" s="481"/>
      <c r="V68" s="481" t="s">
        <v>32</v>
      </c>
      <c r="W68" s="481"/>
      <c r="X68" s="481"/>
      <c r="Y68" s="481"/>
      <c r="Z68" s="490"/>
      <c r="AA68" s="523"/>
      <c r="AB68" s="481"/>
      <c r="AC68" s="481"/>
      <c r="AD68" s="481" t="s">
        <v>32</v>
      </c>
      <c r="AE68" s="481"/>
      <c r="AF68" s="481"/>
      <c r="AG68" s="481"/>
      <c r="AH68" s="482"/>
      <c r="AI68" s="486"/>
      <c r="AJ68" s="481"/>
      <c r="AK68" s="481"/>
      <c r="AL68" s="481"/>
      <c r="AM68" s="487"/>
      <c r="AN68" s="480"/>
      <c r="AO68" s="481"/>
      <c r="AP68" s="481"/>
      <c r="AQ68" s="481"/>
      <c r="AR68" s="482"/>
      <c r="AS68" s="342"/>
      <c r="AT68" s="333"/>
      <c r="AU68" s="333"/>
      <c r="AV68" s="334"/>
      <c r="AW68" s="205"/>
      <c r="AX68" s="198"/>
      <c r="AY68" s="499"/>
      <c r="AZ68" s="495"/>
      <c r="BA68" s="251"/>
      <c r="BB68" s="496"/>
      <c r="BC68" s="495"/>
      <c r="BD68" s="251"/>
      <c r="BE68" s="251"/>
      <c r="BF68" s="480"/>
      <c r="BG68" s="481"/>
      <c r="BH68" s="490"/>
      <c r="BI68" s="23"/>
      <c r="BJ68" s="24"/>
      <c r="BK68" s="24"/>
      <c r="BL68" s="24"/>
      <c r="BM68" s="25"/>
      <c r="BN68" s="23"/>
      <c r="BO68" s="24"/>
      <c r="BP68" s="24"/>
      <c r="BQ68" s="24"/>
      <c r="BR68" s="25"/>
      <c r="BS68" s="26"/>
      <c r="BT68" s="24"/>
      <c r="BU68" s="24"/>
      <c r="BV68" s="26"/>
      <c r="BW68" s="27"/>
    </row>
    <row r="69" spans="1:109" ht="9.9" customHeight="1">
      <c r="A69" s="298"/>
      <c r="B69" s="340"/>
      <c r="C69" s="336"/>
      <c r="D69" s="336"/>
      <c r="E69" s="337"/>
      <c r="F69" s="340"/>
      <c r="G69" s="336"/>
      <c r="H69" s="336"/>
      <c r="I69" s="337"/>
      <c r="J69" s="543"/>
      <c r="K69" s="544"/>
      <c r="L69" s="544"/>
      <c r="M69" s="544"/>
      <c r="N69" s="544"/>
      <c r="O69" s="544"/>
      <c r="P69" s="544"/>
      <c r="Q69" s="544"/>
      <c r="R69" s="545"/>
      <c r="S69" s="524"/>
      <c r="T69" s="484"/>
      <c r="U69" s="484"/>
      <c r="V69" s="484"/>
      <c r="W69" s="484"/>
      <c r="X69" s="484"/>
      <c r="Y69" s="484"/>
      <c r="Z69" s="491"/>
      <c r="AA69" s="524"/>
      <c r="AB69" s="484"/>
      <c r="AC69" s="484"/>
      <c r="AD69" s="484"/>
      <c r="AE69" s="484"/>
      <c r="AF69" s="484"/>
      <c r="AG69" s="484"/>
      <c r="AH69" s="485"/>
      <c r="AI69" s="488"/>
      <c r="AJ69" s="484"/>
      <c r="AK69" s="484"/>
      <c r="AL69" s="484"/>
      <c r="AM69" s="489"/>
      <c r="AN69" s="483"/>
      <c r="AO69" s="484"/>
      <c r="AP69" s="484"/>
      <c r="AQ69" s="484"/>
      <c r="AR69" s="485"/>
      <c r="AS69" s="343"/>
      <c r="AT69" s="336"/>
      <c r="AU69" s="336"/>
      <c r="AV69" s="337"/>
      <c r="AW69" s="207"/>
      <c r="AX69" s="200"/>
      <c r="AY69" s="287"/>
      <c r="AZ69" s="497"/>
      <c r="BA69" s="254"/>
      <c r="BB69" s="498"/>
      <c r="BC69" s="497"/>
      <c r="BD69" s="254"/>
      <c r="BE69" s="254"/>
      <c r="BF69" s="483"/>
      <c r="BG69" s="484"/>
      <c r="BH69" s="491"/>
      <c r="BI69" s="28"/>
      <c r="BJ69" s="29"/>
      <c r="BK69" s="29"/>
      <c r="BL69" s="29"/>
      <c r="BM69" s="30"/>
      <c r="BN69" s="28"/>
      <c r="BO69" s="29"/>
      <c r="BP69" s="29"/>
      <c r="BQ69" s="29"/>
      <c r="BR69" s="30"/>
      <c r="BS69" s="31"/>
      <c r="BT69" s="29"/>
      <c r="BU69" s="29"/>
      <c r="BV69" s="31"/>
      <c r="BW69" s="32"/>
    </row>
    <row r="70" spans="1:109" ht="9.9" customHeight="1">
      <c r="A70" s="298">
        <v>30</v>
      </c>
      <c r="B70" s="338"/>
      <c r="C70" s="333"/>
      <c r="D70" s="333"/>
      <c r="E70" s="334"/>
      <c r="F70" s="338"/>
      <c r="G70" s="333"/>
      <c r="H70" s="333"/>
      <c r="I70" s="334"/>
      <c r="J70" s="540" t="s">
        <v>91</v>
      </c>
      <c r="K70" s="541"/>
      <c r="L70" s="541"/>
      <c r="M70" s="541"/>
      <c r="N70" s="541"/>
      <c r="O70" s="541"/>
      <c r="P70" s="541"/>
      <c r="Q70" s="541"/>
      <c r="R70" s="542"/>
      <c r="S70" s="523"/>
      <c r="T70" s="481"/>
      <c r="U70" s="481"/>
      <c r="V70" s="481" t="s">
        <v>32</v>
      </c>
      <c r="W70" s="481"/>
      <c r="X70" s="481"/>
      <c r="Y70" s="481"/>
      <c r="Z70" s="490"/>
      <c r="AA70" s="523"/>
      <c r="AB70" s="481"/>
      <c r="AC70" s="481"/>
      <c r="AD70" s="481" t="s">
        <v>32</v>
      </c>
      <c r="AE70" s="481"/>
      <c r="AF70" s="481"/>
      <c r="AG70" s="481"/>
      <c r="AH70" s="482"/>
      <c r="AI70" s="486"/>
      <c r="AJ70" s="481"/>
      <c r="AK70" s="481"/>
      <c r="AL70" s="481"/>
      <c r="AM70" s="487"/>
      <c r="AN70" s="480"/>
      <c r="AO70" s="481"/>
      <c r="AP70" s="481"/>
      <c r="AQ70" s="481"/>
      <c r="AR70" s="482"/>
      <c r="AS70" s="342"/>
      <c r="AT70" s="333"/>
      <c r="AU70" s="333"/>
      <c r="AV70" s="334"/>
      <c r="AW70" s="205"/>
      <c r="AX70" s="198"/>
      <c r="AY70" s="499"/>
      <c r="AZ70" s="495"/>
      <c r="BA70" s="251"/>
      <c r="BB70" s="496"/>
      <c r="BC70" s="495"/>
      <c r="BD70" s="251"/>
      <c r="BE70" s="251"/>
      <c r="BF70" s="480"/>
      <c r="BG70" s="481"/>
      <c r="BH70" s="490"/>
      <c r="BI70" s="23"/>
      <c r="BJ70" s="24"/>
      <c r="BK70" s="24"/>
      <c r="BL70" s="24"/>
      <c r="BM70" s="25"/>
      <c r="BN70" s="23"/>
      <c r="BO70" s="24"/>
      <c r="BP70" s="24"/>
      <c r="BQ70" s="24"/>
      <c r="BR70" s="25"/>
      <c r="BS70" s="24"/>
      <c r="BT70" s="24"/>
      <c r="BU70" s="24"/>
      <c r="BV70" s="24"/>
      <c r="BW70" s="25"/>
    </row>
    <row r="71" spans="1:109" ht="9.9" customHeight="1" thickBot="1">
      <c r="A71" s="298"/>
      <c r="B71" s="340"/>
      <c r="C71" s="336"/>
      <c r="D71" s="336"/>
      <c r="E71" s="337"/>
      <c r="F71" s="340"/>
      <c r="G71" s="336"/>
      <c r="H71" s="336"/>
      <c r="I71" s="337"/>
      <c r="J71" s="543"/>
      <c r="K71" s="544"/>
      <c r="L71" s="544"/>
      <c r="M71" s="544"/>
      <c r="N71" s="544"/>
      <c r="O71" s="544"/>
      <c r="P71" s="544"/>
      <c r="Q71" s="544"/>
      <c r="R71" s="545"/>
      <c r="S71" s="524"/>
      <c r="T71" s="484"/>
      <c r="U71" s="484"/>
      <c r="V71" s="484"/>
      <c r="W71" s="484"/>
      <c r="X71" s="484"/>
      <c r="Y71" s="484"/>
      <c r="Z71" s="491"/>
      <c r="AA71" s="524"/>
      <c r="AB71" s="484"/>
      <c r="AC71" s="484"/>
      <c r="AD71" s="484"/>
      <c r="AE71" s="484"/>
      <c r="AF71" s="484"/>
      <c r="AG71" s="484"/>
      <c r="AH71" s="485"/>
      <c r="AI71" s="538"/>
      <c r="AJ71" s="536"/>
      <c r="AK71" s="536"/>
      <c r="AL71" s="536"/>
      <c r="AM71" s="539"/>
      <c r="AN71" s="535"/>
      <c r="AO71" s="536"/>
      <c r="AP71" s="536"/>
      <c r="AQ71" s="536"/>
      <c r="AR71" s="537"/>
      <c r="AS71" s="343"/>
      <c r="AT71" s="336"/>
      <c r="AU71" s="336"/>
      <c r="AV71" s="337"/>
      <c r="AW71" s="207"/>
      <c r="AX71" s="200"/>
      <c r="AY71" s="287"/>
      <c r="AZ71" s="497"/>
      <c r="BA71" s="254"/>
      <c r="BB71" s="498"/>
      <c r="BC71" s="497"/>
      <c r="BD71" s="254"/>
      <c r="BE71" s="254"/>
      <c r="BF71" s="483"/>
      <c r="BG71" s="484"/>
      <c r="BH71" s="491"/>
      <c r="BI71" s="33"/>
      <c r="BJ71" s="34"/>
      <c r="BK71" s="34"/>
      <c r="BL71" s="34"/>
      <c r="BM71" s="35"/>
      <c r="BN71" s="33"/>
      <c r="BO71" s="34"/>
      <c r="BP71" s="34"/>
      <c r="BQ71" s="34"/>
      <c r="BR71" s="35"/>
      <c r="BS71" s="36"/>
      <c r="BT71" s="29"/>
      <c r="BU71" s="34"/>
      <c r="BV71" s="36"/>
      <c r="BW71" s="37"/>
    </row>
    <row r="72" spans="1:109" s="5" customFormat="1" ht="9.9" customHeight="1" thickTop="1">
      <c r="A72" s="191"/>
      <c r="B72" s="359" t="s">
        <v>59</v>
      </c>
      <c r="C72" s="360"/>
      <c r="D72" s="360"/>
      <c r="E72" s="360"/>
      <c r="F72" s="360"/>
      <c r="G72" s="360"/>
      <c r="H72" s="360"/>
      <c r="I72" s="360"/>
      <c r="J72" s="360"/>
      <c r="K72" s="360"/>
      <c r="L72" s="360"/>
      <c r="M72" s="360"/>
      <c r="N72" s="360"/>
      <c r="O72" s="360"/>
      <c r="P72" s="360"/>
      <c r="Q72" s="360"/>
      <c r="R72" s="360"/>
      <c r="S72" s="360"/>
      <c r="T72" s="360"/>
      <c r="U72" s="360"/>
      <c r="V72" s="360"/>
      <c r="W72" s="360"/>
      <c r="X72" s="360"/>
      <c r="Y72" s="360"/>
      <c r="Z72" s="360"/>
      <c r="AA72" s="360"/>
      <c r="AB72" s="360"/>
      <c r="AC72" s="360"/>
      <c r="AD72" s="360"/>
      <c r="AE72" s="360"/>
      <c r="AF72" s="360"/>
      <c r="AG72" s="360"/>
      <c r="AH72" s="362"/>
      <c r="AI72" s="517"/>
      <c r="AJ72" s="518"/>
      <c r="AK72" s="518"/>
      <c r="AL72" s="518"/>
      <c r="AM72" s="533"/>
      <c r="AN72" s="529"/>
      <c r="AO72" s="518"/>
      <c r="AP72" s="518"/>
      <c r="AQ72" s="518"/>
      <c r="AR72" s="530"/>
      <c r="AS72" s="517"/>
      <c r="AT72" s="518"/>
      <c r="AU72" s="518"/>
      <c r="AV72" s="519"/>
      <c r="AW72" s="359"/>
      <c r="AX72" s="360"/>
      <c r="AY72" s="502"/>
      <c r="AZ72" s="492"/>
      <c r="BA72" s="360"/>
      <c r="BB72" s="502"/>
      <c r="BC72" s="492"/>
      <c r="BD72" s="360"/>
      <c r="BE72" s="360"/>
      <c r="BF72" s="492"/>
      <c r="BG72" s="360"/>
      <c r="BH72" s="365"/>
      <c r="BI72" s="2"/>
      <c r="BJ72" s="2"/>
      <c r="BK72" s="2"/>
      <c r="BL72" s="2"/>
      <c r="BM72" s="2"/>
      <c r="BN72" s="2"/>
      <c r="BO72" s="2"/>
      <c r="BP72" s="2"/>
      <c r="BQ72" s="2"/>
      <c r="BR72" s="2"/>
      <c r="BS72" s="2"/>
      <c r="BT72" s="2"/>
      <c r="BU72" s="2"/>
      <c r="BV72" s="2"/>
      <c r="BW72" s="3"/>
    </row>
    <row r="73" spans="1:109" s="5" customFormat="1" ht="9.9" customHeight="1">
      <c r="A73" s="191"/>
      <c r="B73" s="207"/>
      <c r="C73" s="200"/>
      <c r="D73" s="200"/>
      <c r="E73" s="200"/>
      <c r="F73" s="200"/>
      <c r="G73" s="200"/>
      <c r="H73" s="200"/>
      <c r="I73" s="200"/>
      <c r="J73" s="200"/>
      <c r="K73" s="200"/>
      <c r="L73" s="200"/>
      <c r="M73" s="200"/>
      <c r="N73" s="200"/>
      <c r="O73" s="200"/>
      <c r="P73" s="200"/>
      <c r="Q73" s="200"/>
      <c r="R73" s="200"/>
      <c r="S73" s="200"/>
      <c r="T73" s="200"/>
      <c r="U73" s="200"/>
      <c r="V73" s="200"/>
      <c r="W73" s="200"/>
      <c r="X73" s="200"/>
      <c r="Y73" s="200"/>
      <c r="Z73" s="200"/>
      <c r="AA73" s="200"/>
      <c r="AB73" s="200"/>
      <c r="AC73" s="200"/>
      <c r="AD73" s="200"/>
      <c r="AE73" s="200"/>
      <c r="AF73" s="200"/>
      <c r="AG73" s="200"/>
      <c r="AH73" s="230"/>
      <c r="AI73" s="520"/>
      <c r="AJ73" s="521"/>
      <c r="AK73" s="521"/>
      <c r="AL73" s="521"/>
      <c r="AM73" s="534"/>
      <c r="AN73" s="531"/>
      <c r="AO73" s="521"/>
      <c r="AP73" s="521"/>
      <c r="AQ73" s="521"/>
      <c r="AR73" s="532"/>
      <c r="AS73" s="520"/>
      <c r="AT73" s="521"/>
      <c r="AU73" s="521"/>
      <c r="AV73" s="522"/>
      <c r="AW73" s="207"/>
      <c r="AX73" s="200"/>
      <c r="AY73" s="287"/>
      <c r="AZ73" s="288"/>
      <c r="BA73" s="200"/>
      <c r="BB73" s="287"/>
      <c r="BC73" s="288"/>
      <c r="BD73" s="200"/>
      <c r="BE73" s="200"/>
      <c r="BF73" s="288"/>
      <c r="BG73" s="200"/>
      <c r="BH73" s="225"/>
      <c r="BI73" s="8"/>
      <c r="BJ73" s="8"/>
      <c r="BK73" s="8"/>
      <c r="BL73" s="8"/>
      <c r="BM73" s="8"/>
      <c r="BN73" s="8"/>
      <c r="BO73" s="8"/>
      <c r="BP73" s="8"/>
      <c r="BQ73" s="8"/>
      <c r="BR73" s="8"/>
      <c r="BS73" s="8"/>
      <c r="BT73" s="8"/>
      <c r="BU73" s="8"/>
      <c r="BV73" s="8"/>
      <c r="BW73" s="9"/>
    </row>
    <row r="74" spans="1:109" ht="9.9" customHeight="1">
      <c r="A74" s="78"/>
      <c r="B74" s="503" t="s">
        <v>60</v>
      </c>
      <c r="C74" s="504"/>
      <c r="D74" s="504"/>
      <c r="E74" s="504"/>
      <c r="F74" s="504"/>
      <c r="G74" s="504"/>
      <c r="H74" s="504"/>
      <c r="I74" s="504"/>
      <c r="J74" s="504"/>
      <c r="K74" s="504"/>
      <c r="L74" s="504"/>
      <c r="M74" s="504"/>
      <c r="N74" s="504"/>
      <c r="O74" s="504"/>
      <c r="P74" s="504"/>
      <c r="Q74" s="504"/>
      <c r="R74" s="504"/>
      <c r="S74" s="504"/>
      <c r="T74" s="504"/>
      <c r="U74" s="504"/>
      <c r="V74" s="504"/>
      <c r="W74" s="504"/>
      <c r="X74" s="504"/>
      <c r="Y74" s="504"/>
      <c r="Z74" s="504"/>
      <c r="AA74" s="504"/>
      <c r="AB74" s="504"/>
      <c r="AC74" s="504"/>
      <c r="AD74" s="504"/>
      <c r="AE74" s="504"/>
      <c r="AF74" s="504"/>
      <c r="AG74" s="504"/>
      <c r="AH74" s="505"/>
      <c r="AI74" s="525"/>
      <c r="AJ74" s="512"/>
      <c r="AK74" s="512"/>
      <c r="AL74" s="512"/>
      <c r="AM74" s="526"/>
      <c r="AN74" s="511"/>
      <c r="AO74" s="512"/>
      <c r="AP74" s="512"/>
      <c r="AQ74" s="512"/>
      <c r="AR74" s="513"/>
      <c r="AS74" s="427"/>
      <c r="AT74" s="398"/>
      <c r="AU74" s="398"/>
      <c r="AV74" s="428"/>
      <c r="AW74" s="397"/>
      <c r="AX74" s="398"/>
      <c r="AY74" s="509"/>
      <c r="AZ74" s="493"/>
      <c r="BA74" s="398"/>
      <c r="BB74" s="509"/>
      <c r="BC74" s="493"/>
      <c r="BD74" s="398"/>
      <c r="BE74" s="398"/>
      <c r="BF74" s="493"/>
      <c r="BG74" s="398"/>
      <c r="BH74" s="428"/>
      <c r="BI74" s="39"/>
      <c r="BJ74" s="8"/>
      <c r="BK74" s="8"/>
      <c r="BL74" s="8"/>
      <c r="BM74" s="8"/>
      <c r="BN74" s="8"/>
      <c r="BO74" s="8"/>
      <c r="BP74" s="39"/>
      <c r="BQ74" s="39"/>
      <c r="BR74" s="39"/>
      <c r="BS74" s="39"/>
      <c r="BT74" s="131"/>
      <c r="BU74" s="131"/>
      <c r="BV74" s="131"/>
      <c r="BW74" s="132"/>
    </row>
    <row r="75" spans="1:109" ht="9.9" customHeight="1" thickBot="1">
      <c r="A75" s="78"/>
      <c r="B75" s="506"/>
      <c r="C75" s="507"/>
      <c r="D75" s="507"/>
      <c r="E75" s="507"/>
      <c r="F75" s="507"/>
      <c r="G75" s="507"/>
      <c r="H75" s="507"/>
      <c r="I75" s="507"/>
      <c r="J75" s="507"/>
      <c r="K75" s="507"/>
      <c r="L75" s="507"/>
      <c r="M75" s="507"/>
      <c r="N75" s="507"/>
      <c r="O75" s="507"/>
      <c r="P75" s="507"/>
      <c r="Q75" s="507"/>
      <c r="R75" s="507"/>
      <c r="S75" s="507"/>
      <c r="T75" s="507"/>
      <c r="U75" s="507"/>
      <c r="V75" s="507"/>
      <c r="W75" s="507"/>
      <c r="X75" s="507"/>
      <c r="Y75" s="507"/>
      <c r="Z75" s="507"/>
      <c r="AA75" s="507"/>
      <c r="AB75" s="507"/>
      <c r="AC75" s="507"/>
      <c r="AD75" s="507"/>
      <c r="AE75" s="507"/>
      <c r="AF75" s="507"/>
      <c r="AG75" s="507"/>
      <c r="AH75" s="508"/>
      <c r="AI75" s="527"/>
      <c r="AJ75" s="515"/>
      <c r="AK75" s="515"/>
      <c r="AL75" s="515"/>
      <c r="AM75" s="528"/>
      <c r="AN75" s="514"/>
      <c r="AO75" s="515"/>
      <c r="AP75" s="515"/>
      <c r="AQ75" s="515"/>
      <c r="AR75" s="516"/>
      <c r="AS75" s="429"/>
      <c r="AT75" s="401"/>
      <c r="AU75" s="401"/>
      <c r="AV75" s="430"/>
      <c r="AW75" s="400"/>
      <c r="AX75" s="401"/>
      <c r="AY75" s="510"/>
      <c r="AZ75" s="494"/>
      <c r="BA75" s="401"/>
      <c r="BB75" s="510"/>
      <c r="BC75" s="494"/>
      <c r="BD75" s="401"/>
      <c r="BE75" s="401"/>
      <c r="BF75" s="494"/>
      <c r="BG75" s="401"/>
      <c r="BH75" s="430"/>
      <c r="BI75" s="43"/>
      <c r="BJ75" s="195"/>
      <c r="BK75" s="195"/>
      <c r="BL75" s="195"/>
      <c r="BM75" s="195"/>
      <c r="BN75" s="195"/>
      <c r="BO75" s="195"/>
      <c r="BP75" s="43"/>
      <c r="BQ75" s="43"/>
      <c r="BR75" s="43"/>
      <c r="BS75" s="43"/>
      <c r="BT75" s="133"/>
      <c r="BU75" s="133"/>
      <c r="BV75" s="133"/>
      <c r="BW75" s="134"/>
    </row>
    <row r="76" spans="1:109" ht="9.9" customHeight="1" thickTop="1">
      <c r="A76" s="89"/>
      <c r="B76" s="40"/>
      <c r="C76" s="46"/>
      <c r="D76" s="46"/>
      <c r="E76" s="46"/>
      <c r="F76" s="46"/>
      <c r="G76" s="46"/>
      <c r="H76" s="46"/>
      <c r="I76" s="46"/>
      <c r="J76" s="46"/>
      <c r="K76" s="46"/>
      <c r="L76" s="46"/>
      <c r="M76" s="46"/>
      <c r="N76" s="46"/>
      <c r="O76" s="46"/>
      <c r="P76" s="46"/>
      <c r="Q76" s="47"/>
      <c r="R76" s="47"/>
      <c r="S76" s="47"/>
      <c r="T76" s="47"/>
      <c r="U76" s="47"/>
      <c r="V76" s="47"/>
      <c r="W76" s="21"/>
      <c r="X76" s="21"/>
      <c r="Y76" s="21"/>
      <c r="Z76" s="21"/>
      <c r="AA76" s="21"/>
      <c r="AB76" s="21"/>
      <c r="AC76" s="21"/>
      <c r="AD76" s="21"/>
      <c r="AE76" s="21"/>
      <c r="AF76" s="21"/>
      <c r="AG76" s="21"/>
      <c r="AH76" s="21"/>
      <c r="AI76" s="21"/>
      <c r="AJ76" s="21"/>
      <c r="AK76" s="21"/>
      <c r="AL76" s="21"/>
      <c r="AM76" s="21"/>
      <c r="AN76" s="21"/>
      <c r="AO76" s="21"/>
      <c r="AP76" s="21"/>
      <c r="AQ76" s="21"/>
      <c r="AR76" s="21"/>
      <c r="AS76" s="47"/>
      <c r="AT76" s="47"/>
      <c r="AU76" s="47"/>
      <c r="AV76" s="47"/>
      <c r="AW76" s="34"/>
      <c r="AX76" s="34"/>
      <c r="AY76" s="34"/>
      <c r="AZ76" s="34"/>
      <c r="BA76" s="34"/>
      <c r="BB76" s="34"/>
      <c r="BC76" s="34"/>
      <c r="BD76" s="34"/>
      <c r="BE76" s="34"/>
      <c r="BF76" s="34"/>
      <c r="BG76" s="34"/>
      <c r="BH76" s="34"/>
      <c r="BI76" s="34"/>
      <c r="BJ76" s="34"/>
      <c r="BK76" s="34"/>
      <c r="BL76" s="34"/>
      <c r="BM76" s="34"/>
      <c r="BN76" s="34"/>
      <c r="BO76" s="34"/>
      <c r="BP76" s="34"/>
      <c r="BQ76" s="34"/>
      <c r="BR76" s="34"/>
      <c r="BS76" s="34"/>
      <c r="BT76" s="34"/>
      <c r="BU76" s="34"/>
      <c r="BV76" s="34"/>
      <c r="BW76" s="34"/>
      <c r="BZ76" s="191"/>
      <c r="CA76" s="191"/>
      <c r="CB76" s="191"/>
      <c r="CC76" s="191"/>
      <c r="CD76" s="191"/>
      <c r="CE76" s="191"/>
      <c r="CF76" s="191"/>
      <c r="CH76" s="191"/>
      <c r="CI76" s="191"/>
      <c r="CJ76" s="191"/>
      <c r="CK76" s="191"/>
      <c r="CL76" s="191"/>
      <c r="CM76" s="191"/>
      <c r="CN76" s="191"/>
      <c r="CO76" s="191"/>
      <c r="CP76" s="191"/>
      <c r="CQ76" s="191"/>
      <c r="CR76" s="191"/>
      <c r="CS76" s="191"/>
      <c r="CT76" s="191"/>
      <c r="CU76" s="191"/>
      <c r="CV76" s="191"/>
      <c r="CW76" s="191"/>
      <c r="CX76" s="191"/>
      <c r="CY76" s="191"/>
      <c r="CZ76" s="191"/>
      <c r="DA76" s="191"/>
      <c r="DB76" s="191"/>
      <c r="DC76" s="191"/>
      <c r="DD76" s="191"/>
      <c r="DE76" s="191"/>
    </row>
    <row r="77" spans="1:109" s="5" customFormat="1" ht="12" customHeight="1">
      <c r="B77" s="205" t="s">
        <v>95</v>
      </c>
      <c r="C77" s="198"/>
      <c r="D77" s="198"/>
      <c r="E77" s="198"/>
      <c r="F77" s="198"/>
      <c r="G77" s="198"/>
      <c r="H77" s="198"/>
      <c r="I77" s="212" t="s">
        <v>96</v>
      </c>
      <c r="J77" s="198"/>
      <c r="K77" s="198"/>
      <c r="L77" s="198"/>
      <c r="M77" s="221"/>
      <c r="N77" s="205" t="s">
        <v>98</v>
      </c>
      <c r="O77" s="198"/>
      <c r="P77" s="198"/>
      <c r="Q77" s="198"/>
      <c r="R77" s="198"/>
      <c r="S77" s="198"/>
      <c r="T77" s="198"/>
      <c r="U77" s="198"/>
      <c r="V77" s="198"/>
      <c r="W77" s="221"/>
      <c r="X77" s="568" t="s">
        <v>132</v>
      </c>
      <c r="Y77" s="569"/>
      <c r="Z77" s="569"/>
      <c r="AA77" s="569"/>
      <c r="AB77" s="570"/>
      <c r="AC77" s="169"/>
      <c r="AD77" s="169"/>
      <c r="AE77" s="212" t="s">
        <v>97</v>
      </c>
      <c r="AF77" s="198"/>
      <c r="AG77" s="198"/>
      <c r="AH77" s="198"/>
      <c r="AI77" s="198"/>
      <c r="AJ77" s="198"/>
      <c r="AK77" s="198"/>
      <c r="AL77" s="198"/>
      <c r="AM77" s="221"/>
      <c r="AN77" s="212" t="s">
        <v>96</v>
      </c>
      <c r="AO77" s="198"/>
      <c r="AP77" s="198"/>
      <c r="AQ77" s="198"/>
      <c r="AR77" s="221"/>
      <c r="AS77" s="205" t="s">
        <v>98</v>
      </c>
      <c r="AT77" s="198"/>
      <c r="AU77" s="198"/>
      <c r="AV77" s="198"/>
      <c r="AW77" s="198"/>
      <c r="AX77" s="198"/>
      <c r="AY77" s="198"/>
      <c r="AZ77" s="198"/>
      <c r="BA77" s="198"/>
      <c r="BB77" s="221"/>
      <c r="BC77" s="568" t="s">
        <v>132</v>
      </c>
      <c r="BD77" s="569"/>
      <c r="BE77" s="569"/>
      <c r="BF77" s="569"/>
      <c r="BG77" s="570"/>
      <c r="BJ77" s="460"/>
      <c r="BK77" s="460"/>
      <c r="BL77" s="460"/>
      <c r="BM77" s="460"/>
      <c r="BN77" s="460" t="s">
        <v>44</v>
      </c>
      <c r="BO77" s="460"/>
      <c r="BP77" s="460"/>
      <c r="BQ77" s="460"/>
      <c r="BR77" s="460"/>
      <c r="BS77" s="460"/>
      <c r="BT77" s="460"/>
      <c r="BU77" s="460" t="s">
        <v>45</v>
      </c>
      <c r="BV77" s="460"/>
      <c r="BW77" s="460"/>
    </row>
    <row r="78" spans="1:109" s="5" customFormat="1" ht="12" customHeight="1">
      <c r="B78" s="207"/>
      <c r="C78" s="200"/>
      <c r="D78" s="200"/>
      <c r="E78" s="200"/>
      <c r="F78" s="200"/>
      <c r="G78" s="200"/>
      <c r="H78" s="200"/>
      <c r="I78" s="207"/>
      <c r="J78" s="200"/>
      <c r="K78" s="200"/>
      <c r="L78" s="200"/>
      <c r="M78" s="225"/>
      <c r="N78" s="207"/>
      <c r="O78" s="200"/>
      <c r="P78" s="200"/>
      <c r="Q78" s="200"/>
      <c r="R78" s="200"/>
      <c r="S78" s="200"/>
      <c r="T78" s="200"/>
      <c r="U78" s="200"/>
      <c r="V78" s="200"/>
      <c r="W78" s="225"/>
      <c r="X78" s="571"/>
      <c r="Y78" s="572"/>
      <c r="Z78" s="572"/>
      <c r="AA78" s="572"/>
      <c r="AB78" s="573"/>
      <c r="AC78" s="169"/>
      <c r="AD78" s="169"/>
      <c r="AE78" s="207"/>
      <c r="AF78" s="200"/>
      <c r="AG78" s="200"/>
      <c r="AH78" s="200"/>
      <c r="AI78" s="200"/>
      <c r="AJ78" s="200"/>
      <c r="AK78" s="200"/>
      <c r="AL78" s="200"/>
      <c r="AM78" s="225"/>
      <c r="AN78" s="207"/>
      <c r="AO78" s="200"/>
      <c r="AP78" s="200"/>
      <c r="AQ78" s="200"/>
      <c r="AR78" s="225"/>
      <c r="AS78" s="207"/>
      <c r="AT78" s="200"/>
      <c r="AU78" s="200"/>
      <c r="AV78" s="200"/>
      <c r="AW78" s="200"/>
      <c r="AX78" s="200"/>
      <c r="AY78" s="200"/>
      <c r="AZ78" s="200"/>
      <c r="BA78" s="200"/>
      <c r="BB78" s="225"/>
      <c r="BC78" s="571"/>
      <c r="BD78" s="572"/>
      <c r="BE78" s="572"/>
      <c r="BF78" s="572"/>
      <c r="BG78" s="573"/>
      <c r="BJ78" s="461"/>
      <c r="BK78" s="461"/>
      <c r="BL78" s="461"/>
      <c r="BM78" s="461"/>
      <c r="BN78" s="461"/>
      <c r="BO78" s="461"/>
      <c r="BP78" s="461"/>
      <c r="BQ78" s="461"/>
      <c r="BR78" s="461"/>
      <c r="BS78" s="461"/>
      <c r="BT78" s="461"/>
      <c r="BU78" s="461"/>
      <c r="BV78" s="461"/>
      <c r="BW78" s="461"/>
    </row>
    <row r="79" spans="1:109" s="5" customFormat="1" ht="9.9" customHeight="1">
      <c r="B79" s="191"/>
      <c r="C79" s="191"/>
      <c r="D79" s="191"/>
      <c r="E79" s="191"/>
      <c r="F79" s="191"/>
      <c r="G79" s="191"/>
      <c r="H79" s="191"/>
      <c r="I79" s="191"/>
      <c r="J79" s="191"/>
      <c r="K79" s="191"/>
      <c r="L79" s="8"/>
      <c r="M79" s="8"/>
      <c r="N79" s="8"/>
      <c r="O79" s="8"/>
      <c r="P79" s="8"/>
      <c r="Q79" s="8"/>
      <c r="R79" s="8"/>
      <c r="S79" s="8"/>
      <c r="T79" s="8"/>
      <c r="U79" s="8"/>
      <c r="V79" s="196"/>
      <c r="W79" s="196"/>
      <c r="X79" s="196"/>
      <c r="Y79" s="196"/>
      <c r="Z79" s="196"/>
      <c r="AA79" s="169"/>
      <c r="AB79" s="169"/>
      <c r="AC79" s="169"/>
      <c r="AD79" s="169"/>
      <c r="AE79" s="169"/>
      <c r="AF79" s="17"/>
      <c r="AG79" s="191"/>
      <c r="AH79" s="191"/>
      <c r="AI79" s="191"/>
      <c r="AJ79" s="191"/>
      <c r="AK79" s="191"/>
      <c r="AL79" s="191"/>
      <c r="AM79" s="191"/>
      <c r="AN79" s="191"/>
      <c r="AO79" s="191"/>
      <c r="AP79" s="191"/>
      <c r="AQ79" s="191"/>
      <c r="AR79" s="191"/>
      <c r="AS79" s="191"/>
      <c r="AT79" s="191"/>
      <c r="AU79" s="191"/>
      <c r="AV79" s="191"/>
      <c r="AW79" s="191"/>
      <c r="AX79" s="191"/>
      <c r="AY79" s="191"/>
      <c r="AZ79" s="191"/>
      <c r="BA79" s="191"/>
      <c r="BB79" s="191"/>
      <c r="BJ79" s="191"/>
      <c r="BK79" s="191"/>
      <c r="BL79" s="191"/>
      <c r="BM79" s="191"/>
      <c r="BN79" s="191"/>
      <c r="BO79" s="191"/>
      <c r="BP79" s="191"/>
      <c r="BQ79" s="191"/>
      <c r="BR79" s="191"/>
      <c r="BS79" s="191"/>
      <c r="BT79" s="191"/>
      <c r="BU79" s="191"/>
      <c r="BV79" s="191"/>
      <c r="BW79" s="191"/>
    </row>
    <row r="80" spans="1:109" s="5" customFormat="1" ht="12" customHeight="1">
      <c r="B80" s="8" t="s">
        <v>120</v>
      </c>
      <c r="C80" s="191"/>
      <c r="D80" s="191"/>
      <c r="E80" s="191"/>
      <c r="F80" s="191"/>
      <c r="G80" s="191"/>
      <c r="H80" s="191"/>
      <c r="I80" s="191"/>
      <c r="J80" s="191"/>
      <c r="K80" s="191"/>
      <c r="L80" s="8"/>
      <c r="M80" s="8"/>
      <c r="N80" s="8"/>
      <c r="O80" s="8"/>
      <c r="P80" s="8"/>
      <c r="Q80" s="8"/>
      <c r="R80" s="8"/>
      <c r="S80" s="8"/>
      <c r="T80" s="8"/>
      <c r="U80" s="8"/>
      <c r="V80" s="196"/>
      <c r="W80" s="196"/>
      <c r="X80" s="196"/>
      <c r="Y80" s="196"/>
      <c r="Z80" s="196"/>
      <c r="AA80" s="169"/>
      <c r="AB80" s="169"/>
      <c r="AC80" s="169"/>
      <c r="AD80" s="169"/>
      <c r="AE80" s="169"/>
      <c r="AF80" s="17"/>
      <c r="AG80" s="191"/>
      <c r="AH80" s="191"/>
      <c r="AI80" s="191"/>
      <c r="AJ80" s="191"/>
      <c r="AK80" s="191"/>
      <c r="AL80" s="191"/>
      <c r="AM80" s="191"/>
      <c r="AN80" s="191"/>
      <c r="AO80" s="191"/>
      <c r="AP80" s="191"/>
      <c r="AQ80" s="191"/>
      <c r="AR80" s="191"/>
      <c r="AS80" s="191"/>
      <c r="AT80" s="191"/>
      <c r="AU80" s="191"/>
      <c r="AV80" s="191"/>
      <c r="AW80" s="191"/>
      <c r="AX80" s="191"/>
      <c r="AY80" s="191"/>
      <c r="AZ80" s="191"/>
      <c r="BA80" s="191"/>
      <c r="BB80" s="191"/>
    </row>
    <row r="81" spans="2:40" s="5" customFormat="1" ht="12" customHeight="1">
      <c r="B81" s="5" t="s">
        <v>100</v>
      </c>
      <c r="AN81" s="11"/>
    </row>
    <row r="82" spans="2:40" s="5" customFormat="1" ht="12.15" customHeight="1"/>
    <row r="83" spans="2:40" s="5" customFormat="1" ht="12.15" customHeight="1"/>
    <row r="84" spans="2:40" s="5" customFormat="1" ht="12.15" customHeight="1"/>
    <row r="85" spans="2:40" ht="12.15" customHeight="1"/>
  </sheetData>
  <mergeCells count="600">
    <mergeCell ref="X77:AB77"/>
    <mergeCell ref="BC77:BG77"/>
    <mergeCell ref="BC78:BG78"/>
    <mergeCell ref="X78:AB78"/>
    <mergeCell ref="BR2:BS3"/>
    <mergeCell ref="BT2:BU3"/>
    <mergeCell ref="B3:C5"/>
    <mergeCell ref="D3:E5"/>
    <mergeCell ref="F3:G5"/>
    <mergeCell ref="H3:I5"/>
    <mergeCell ref="J3:K5"/>
    <mergeCell ref="L3:M5"/>
    <mergeCell ref="N3:O5"/>
    <mergeCell ref="P3:Q5"/>
    <mergeCell ref="BF2:BG3"/>
    <mergeCell ref="BH2:BI3"/>
    <mergeCell ref="BJ2:BK3"/>
    <mergeCell ref="BL2:BM3"/>
    <mergeCell ref="BN2:BO3"/>
    <mergeCell ref="BP2:BQ3"/>
    <mergeCell ref="B2:U2"/>
    <mergeCell ref="V2:AE5"/>
    <mergeCell ref="AF2:AS5"/>
    <mergeCell ref="AT2:BA3"/>
    <mergeCell ref="BB2:BC3"/>
    <mergeCell ref="BD2:BE3"/>
    <mergeCell ref="R3:S5"/>
    <mergeCell ref="T3:U5"/>
    <mergeCell ref="AN6:AS6"/>
    <mergeCell ref="K7:Q8"/>
    <mergeCell ref="R7:X8"/>
    <mergeCell ref="Y7:AE8"/>
    <mergeCell ref="AL7:AM7"/>
    <mergeCell ref="AN7:AS7"/>
    <mergeCell ref="AT4:BA6"/>
    <mergeCell ref="BB4:BW6"/>
    <mergeCell ref="B6:J8"/>
    <mergeCell ref="K6:Q6"/>
    <mergeCell ref="R6:X6"/>
    <mergeCell ref="Y6:AE6"/>
    <mergeCell ref="AF6:AK8"/>
    <mergeCell ref="AL6:AM6"/>
    <mergeCell ref="AZ10:BB11"/>
    <mergeCell ref="BC10:BE11"/>
    <mergeCell ref="BI10:BM11"/>
    <mergeCell ref="AN11:AR11"/>
    <mergeCell ref="AI11:AM11"/>
    <mergeCell ref="A12:A13"/>
    <mergeCell ref="B12:E13"/>
    <mergeCell ref="F12:I13"/>
    <mergeCell ref="J12:R13"/>
    <mergeCell ref="S12:U13"/>
    <mergeCell ref="AS10:AV11"/>
    <mergeCell ref="AW10:AY11"/>
    <mergeCell ref="B10:E11"/>
    <mergeCell ref="F10:I11"/>
    <mergeCell ref="J10:R11"/>
    <mergeCell ref="S10:AH10"/>
    <mergeCell ref="AS12:AV13"/>
    <mergeCell ref="AW12:AY13"/>
    <mergeCell ref="AF12:AH13"/>
    <mergeCell ref="V12:W13"/>
    <mergeCell ref="X12:Z13"/>
    <mergeCell ref="AA12:AC13"/>
    <mergeCell ref="AD12:AE13"/>
    <mergeCell ref="BN10:BR11"/>
    <mergeCell ref="AT7:BE8"/>
    <mergeCell ref="BI7:BQ8"/>
    <mergeCell ref="BU7:BV8"/>
    <mergeCell ref="AL8:AM8"/>
    <mergeCell ref="AN8:AS8"/>
    <mergeCell ref="S11:Z11"/>
    <mergeCell ref="AA11:AH11"/>
    <mergeCell ref="AZ12:BB13"/>
    <mergeCell ref="BC12:BE13"/>
    <mergeCell ref="BC14:BE15"/>
    <mergeCell ref="A16:A17"/>
    <mergeCell ref="B16:E17"/>
    <mergeCell ref="F16:I17"/>
    <mergeCell ref="J16:R17"/>
    <mergeCell ref="S16:U17"/>
    <mergeCell ref="V14:W15"/>
    <mergeCell ref="X14:Z15"/>
    <mergeCell ref="AA14:AC15"/>
    <mergeCell ref="AD14:AE15"/>
    <mergeCell ref="AF14:AH15"/>
    <mergeCell ref="AS16:AV17"/>
    <mergeCell ref="AW16:AY17"/>
    <mergeCell ref="AZ16:BB17"/>
    <mergeCell ref="BC16:BE17"/>
    <mergeCell ref="AF16:AH17"/>
    <mergeCell ref="AN16:AR17"/>
    <mergeCell ref="AN14:AR15"/>
    <mergeCell ref="AI14:AM15"/>
    <mergeCell ref="A14:A15"/>
    <mergeCell ref="B14:E15"/>
    <mergeCell ref="F14:I15"/>
    <mergeCell ref="J14:R15"/>
    <mergeCell ref="S14:U15"/>
    <mergeCell ref="J18:R19"/>
    <mergeCell ref="S18:U19"/>
    <mergeCell ref="V16:W17"/>
    <mergeCell ref="X16:Z17"/>
    <mergeCell ref="AA16:AC17"/>
    <mergeCell ref="AD16:AE17"/>
    <mergeCell ref="AS14:AV15"/>
    <mergeCell ref="AW14:AY15"/>
    <mergeCell ref="AZ14:BB15"/>
    <mergeCell ref="AS18:AV19"/>
    <mergeCell ref="AW18:AY19"/>
    <mergeCell ref="AZ18:BB19"/>
    <mergeCell ref="BC18:BE19"/>
    <mergeCell ref="A20:A21"/>
    <mergeCell ref="B20:E21"/>
    <mergeCell ref="F20:I21"/>
    <mergeCell ref="J20:R21"/>
    <mergeCell ref="S20:U21"/>
    <mergeCell ref="V18:W19"/>
    <mergeCell ref="X18:Z19"/>
    <mergeCell ref="AA18:AC19"/>
    <mergeCell ref="AD18:AE19"/>
    <mergeCell ref="AF18:AH19"/>
    <mergeCell ref="AI18:AM19"/>
    <mergeCell ref="AS20:AV21"/>
    <mergeCell ref="AW20:AY21"/>
    <mergeCell ref="AZ20:BB21"/>
    <mergeCell ref="BC20:BE21"/>
    <mergeCell ref="AF20:AH21"/>
    <mergeCell ref="AI20:AM21"/>
    <mergeCell ref="A18:A19"/>
    <mergeCell ref="B18:E19"/>
    <mergeCell ref="F18:I19"/>
    <mergeCell ref="A22:A23"/>
    <mergeCell ref="B22:E23"/>
    <mergeCell ref="F22:I23"/>
    <mergeCell ref="J22:R23"/>
    <mergeCell ref="S22:U23"/>
    <mergeCell ref="V20:W21"/>
    <mergeCell ref="X20:Z21"/>
    <mergeCell ref="AA20:AC21"/>
    <mergeCell ref="AD20:AE21"/>
    <mergeCell ref="V24:W25"/>
    <mergeCell ref="X24:Z25"/>
    <mergeCell ref="AA24:AC25"/>
    <mergeCell ref="AD24:AE25"/>
    <mergeCell ref="AS22:AV23"/>
    <mergeCell ref="AW22:AY23"/>
    <mergeCell ref="AZ22:BB23"/>
    <mergeCell ref="BC22:BE23"/>
    <mergeCell ref="A24:A25"/>
    <mergeCell ref="B24:E25"/>
    <mergeCell ref="F24:I25"/>
    <mergeCell ref="J24:R25"/>
    <mergeCell ref="S24:U25"/>
    <mergeCell ref="V22:W23"/>
    <mergeCell ref="X22:Z23"/>
    <mergeCell ref="AA22:AC23"/>
    <mergeCell ref="AD22:AE23"/>
    <mergeCell ref="AF22:AH23"/>
    <mergeCell ref="AI22:AM23"/>
    <mergeCell ref="AS24:AV25"/>
    <mergeCell ref="AW24:AY25"/>
    <mergeCell ref="AZ24:BB25"/>
    <mergeCell ref="BC24:BE25"/>
    <mergeCell ref="AF24:AH25"/>
    <mergeCell ref="BC26:BE27"/>
    <mergeCell ref="A28:A29"/>
    <mergeCell ref="B28:E29"/>
    <mergeCell ref="F28:I29"/>
    <mergeCell ref="J28:R29"/>
    <mergeCell ref="S28:U29"/>
    <mergeCell ref="V26:W27"/>
    <mergeCell ref="X26:Z27"/>
    <mergeCell ref="AA26:AC27"/>
    <mergeCell ref="AD26:AE27"/>
    <mergeCell ref="AF26:AH27"/>
    <mergeCell ref="AI26:AM27"/>
    <mergeCell ref="AN26:AR27"/>
    <mergeCell ref="AS28:AV29"/>
    <mergeCell ref="AW28:AY29"/>
    <mergeCell ref="AZ28:BB29"/>
    <mergeCell ref="BC28:BE29"/>
    <mergeCell ref="AF28:AH29"/>
    <mergeCell ref="AI28:AM29"/>
    <mergeCell ref="AN28:AR29"/>
    <mergeCell ref="A26:A27"/>
    <mergeCell ref="B26:E27"/>
    <mergeCell ref="F26:I27"/>
    <mergeCell ref="J26:R27"/>
    <mergeCell ref="J30:R31"/>
    <mergeCell ref="S30:U31"/>
    <mergeCell ref="V28:W29"/>
    <mergeCell ref="X28:Z29"/>
    <mergeCell ref="AA28:AC29"/>
    <mergeCell ref="AD28:AE29"/>
    <mergeCell ref="AS26:AV27"/>
    <mergeCell ref="AW26:AY27"/>
    <mergeCell ref="AZ26:BB27"/>
    <mergeCell ref="S26:U27"/>
    <mergeCell ref="AS30:AV31"/>
    <mergeCell ref="AW30:AY31"/>
    <mergeCell ref="AZ30:BB31"/>
    <mergeCell ref="BC30:BE31"/>
    <mergeCell ref="A32:A33"/>
    <mergeCell ref="B32:E33"/>
    <mergeCell ref="F32:I33"/>
    <mergeCell ref="J32:R33"/>
    <mergeCell ref="S32:U33"/>
    <mergeCell ref="V30:W31"/>
    <mergeCell ref="X30:Z31"/>
    <mergeCell ref="AA30:AC31"/>
    <mergeCell ref="AD30:AE31"/>
    <mergeCell ref="AF30:AH31"/>
    <mergeCell ref="AI30:AM31"/>
    <mergeCell ref="AS32:AV33"/>
    <mergeCell ref="AW32:AY33"/>
    <mergeCell ref="AZ32:BB33"/>
    <mergeCell ref="BC32:BE33"/>
    <mergeCell ref="AF32:AH33"/>
    <mergeCell ref="AI32:AM33"/>
    <mergeCell ref="A30:A31"/>
    <mergeCell ref="B30:E31"/>
    <mergeCell ref="F30:I31"/>
    <mergeCell ref="A34:A35"/>
    <mergeCell ref="B34:E35"/>
    <mergeCell ref="F34:I35"/>
    <mergeCell ref="J34:R35"/>
    <mergeCell ref="S34:U35"/>
    <mergeCell ref="V32:W33"/>
    <mergeCell ref="X32:Z33"/>
    <mergeCell ref="AA32:AC33"/>
    <mergeCell ref="AD32:AE33"/>
    <mergeCell ref="V36:W37"/>
    <mergeCell ref="X36:Z37"/>
    <mergeCell ref="AA36:AC37"/>
    <mergeCell ref="AD36:AE37"/>
    <mergeCell ref="AS34:AV35"/>
    <mergeCell ref="AW34:AY35"/>
    <mergeCell ref="AZ34:BB35"/>
    <mergeCell ref="BC34:BE35"/>
    <mergeCell ref="A36:A37"/>
    <mergeCell ref="B36:E37"/>
    <mergeCell ref="F36:I37"/>
    <mergeCell ref="J36:R37"/>
    <mergeCell ref="S36:U37"/>
    <mergeCell ref="V34:W35"/>
    <mergeCell ref="X34:Z35"/>
    <mergeCell ref="AA34:AC35"/>
    <mergeCell ref="AD34:AE35"/>
    <mergeCell ref="AF34:AH35"/>
    <mergeCell ref="AI34:AM35"/>
    <mergeCell ref="AS36:AV37"/>
    <mergeCell ref="AW36:AY37"/>
    <mergeCell ref="AZ36:BB37"/>
    <mergeCell ref="BC36:BE37"/>
    <mergeCell ref="AF36:AH37"/>
    <mergeCell ref="BC38:BE39"/>
    <mergeCell ref="A40:A41"/>
    <mergeCell ref="B40:E41"/>
    <mergeCell ref="F40:I41"/>
    <mergeCell ref="J40:R41"/>
    <mergeCell ref="S40:U41"/>
    <mergeCell ref="V38:W39"/>
    <mergeCell ref="X38:Z39"/>
    <mergeCell ref="AA38:AC39"/>
    <mergeCell ref="AD38:AE39"/>
    <mergeCell ref="AF38:AH39"/>
    <mergeCell ref="AI38:AM39"/>
    <mergeCell ref="AN38:AR39"/>
    <mergeCell ref="AS40:AV41"/>
    <mergeCell ref="AW40:AY41"/>
    <mergeCell ref="AZ40:BB41"/>
    <mergeCell ref="BC40:BE41"/>
    <mergeCell ref="AF40:AH41"/>
    <mergeCell ref="AI40:AM41"/>
    <mergeCell ref="AN40:AR41"/>
    <mergeCell ref="A38:A39"/>
    <mergeCell ref="B38:E39"/>
    <mergeCell ref="F38:I39"/>
    <mergeCell ref="J38:R39"/>
    <mergeCell ref="J42:R43"/>
    <mergeCell ref="S42:U43"/>
    <mergeCell ref="V40:W41"/>
    <mergeCell ref="X40:Z41"/>
    <mergeCell ref="AA40:AC41"/>
    <mergeCell ref="AD40:AE41"/>
    <mergeCell ref="AS38:AV39"/>
    <mergeCell ref="AW38:AY39"/>
    <mergeCell ref="AZ38:BB39"/>
    <mergeCell ref="S38:U39"/>
    <mergeCell ref="AS42:AV43"/>
    <mergeCell ref="AW42:AY43"/>
    <mergeCell ref="AZ42:BB43"/>
    <mergeCell ref="BC42:BE43"/>
    <mergeCell ref="A44:A45"/>
    <mergeCell ref="B44:E45"/>
    <mergeCell ref="F44:I45"/>
    <mergeCell ref="J44:R45"/>
    <mergeCell ref="S44:U45"/>
    <mergeCell ref="V42:W43"/>
    <mergeCell ref="X42:Z43"/>
    <mergeCell ref="AA42:AC43"/>
    <mergeCell ref="AD42:AE43"/>
    <mergeCell ref="AF42:AH43"/>
    <mergeCell ref="AI42:AM43"/>
    <mergeCell ref="AS44:AV45"/>
    <mergeCell ref="AW44:AY45"/>
    <mergeCell ref="AZ44:BB45"/>
    <mergeCell ref="BC44:BE45"/>
    <mergeCell ref="AF44:AH45"/>
    <mergeCell ref="AI44:AM45"/>
    <mergeCell ref="A42:A43"/>
    <mergeCell ref="B42:E43"/>
    <mergeCell ref="F42:I43"/>
    <mergeCell ref="BC48:BE49"/>
    <mergeCell ref="AF48:AH49"/>
    <mergeCell ref="AI48:AM49"/>
    <mergeCell ref="A46:A47"/>
    <mergeCell ref="B46:E47"/>
    <mergeCell ref="F46:I47"/>
    <mergeCell ref="J46:R47"/>
    <mergeCell ref="S46:U47"/>
    <mergeCell ref="V44:W45"/>
    <mergeCell ref="X44:Z45"/>
    <mergeCell ref="AA44:AC45"/>
    <mergeCell ref="AD44:AE45"/>
    <mergeCell ref="V46:W47"/>
    <mergeCell ref="X46:Z47"/>
    <mergeCell ref="AA46:AC47"/>
    <mergeCell ref="AD46:AE47"/>
    <mergeCell ref="AF46:AH47"/>
    <mergeCell ref="AI46:AM47"/>
    <mergeCell ref="AS48:AV49"/>
    <mergeCell ref="AW48:AY49"/>
    <mergeCell ref="AZ48:BB49"/>
    <mergeCell ref="AF52:AH53"/>
    <mergeCell ref="AI52:AM53"/>
    <mergeCell ref="AN52:AR53"/>
    <mergeCell ref="A50:A51"/>
    <mergeCell ref="B50:E51"/>
    <mergeCell ref="F50:I51"/>
    <mergeCell ref="J50:R51"/>
    <mergeCell ref="S50:U51"/>
    <mergeCell ref="V48:W49"/>
    <mergeCell ref="X48:Z49"/>
    <mergeCell ref="AA48:AC49"/>
    <mergeCell ref="AD48:AE49"/>
    <mergeCell ref="A48:A49"/>
    <mergeCell ref="B48:E49"/>
    <mergeCell ref="F48:I49"/>
    <mergeCell ref="J48:R49"/>
    <mergeCell ref="S48:U49"/>
    <mergeCell ref="V52:W53"/>
    <mergeCell ref="X52:Z53"/>
    <mergeCell ref="AA52:AC53"/>
    <mergeCell ref="AD52:AE53"/>
    <mergeCell ref="AS50:AV51"/>
    <mergeCell ref="AW50:AY51"/>
    <mergeCell ref="AZ50:BB51"/>
    <mergeCell ref="BC50:BE51"/>
    <mergeCell ref="A52:A53"/>
    <mergeCell ref="B52:E53"/>
    <mergeCell ref="F52:I53"/>
    <mergeCell ref="J52:R53"/>
    <mergeCell ref="S52:U53"/>
    <mergeCell ref="V50:W51"/>
    <mergeCell ref="X50:Z51"/>
    <mergeCell ref="AA50:AC51"/>
    <mergeCell ref="AD50:AE51"/>
    <mergeCell ref="AF50:AH51"/>
    <mergeCell ref="AI50:AM51"/>
    <mergeCell ref="AN50:AR51"/>
    <mergeCell ref="AS52:AV53"/>
    <mergeCell ref="AW52:AY53"/>
    <mergeCell ref="AZ52:BB53"/>
    <mergeCell ref="BC52:BE53"/>
    <mergeCell ref="A56:A57"/>
    <mergeCell ref="B56:E57"/>
    <mergeCell ref="F56:I57"/>
    <mergeCell ref="J56:R57"/>
    <mergeCell ref="S56:U57"/>
    <mergeCell ref="V54:W55"/>
    <mergeCell ref="X54:Z55"/>
    <mergeCell ref="AA54:AC55"/>
    <mergeCell ref="AD54:AE55"/>
    <mergeCell ref="A54:A55"/>
    <mergeCell ref="B54:E55"/>
    <mergeCell ref="F54:I55"/>
    <mergeCell ref="J54:R55"/>
    <mergeCell ref="S54:U55"/>
    <mergeCell ref="F58:I59"/>
    <mergeCell ref="J58:R59"/>
    <mergeCell ref="S58:U59"/>
    <mergeCell ref="V56:W57"/>
    <mergeCell ref="X56:Z57"/>
    <mergeCell ref="AA56:AC57"/>
    <mergeCell ref="AD56:AE57"/>
    <mergeCell ref="AS54:AV55"/>
    <mergeCell ref="AW54:AY55"/>
    <mergeCell ref="AF54:AH55"/>
    <mergeCell ref="AI54:AM55"/>
    <mergeCell ref="AS56:AV57"/>
    <mergeCell ref="AW56:AY57"/>
    <mergeCell ref="AF56:AH57"/>
    <mergeCell ref="AI56:AM57"/>
    <mergeCell ref="V60:W61"/>
    <mergeCell ref="X60:Z61"/>
    <mergeCell ref="AA60:AC61"/>
    <mergeCell ref="AD60:AE61"/>
    <mergeCell ref="AS58:AV59"/>
    <mergeCell ref="AW58:AY59"/>
    <mergeCell ref="AZ58:BB59"/>
    <mergeCell ref="BC58:BE59"/>
    <mergeCell ref="A60:A61"/>
    <mergeCell ref="B60:E61"/>
    <mergeCell ref="F60:I61"/>
    <mergeCell ref="J60:R61"/>
    <mergeCell ref="S60:U61"/>
    <mergeCell ref="V58:W59"/>
    <mergeCell ref="X58:Z59"/>
    <mergeCell ref="AA58:AC59"/>
    <mergeCell ref="AD58:AE59"/>
    <mergeCell ref="AF58:AH59"/>
    <mergeCell ref="AI58:AM59"/>
    <mergeCell ref="BC60:BE61"/>
    <mergeCell ref="AF60:AH61"/>
    <mergeCell ref="AI60:AM61"/>
    <mergeCell ref="A58:A59"/>
    <mergeCell ref="B58:E59"/>
    <mergeCell ref="A64:A65"/>
    <mergeCell ref="B64:E65"/>
    <mergeCell ref="F64:I65"/>
    <mergeCell ref="J64:R65"/>
    <mergeCell ref="S64:U65"/>
    <mergeCell ref="V62:W63"/>
    <mergeCell ref="X62:Z63"/>
    <mergeCell ref="AA62:AC63"/>
    <mergeCell ref="AD62:AE63"/>
    <mergeCell ref="V64:W65"/>
    <mergeCell ref="X64:Z65"/>
    <mergeCell ref="AA64:AC65"/>
    <mergeCell ref="AD64:AE65"/>
    <mergeCell ref="A62:A63"/>
    <mergeCell ref="B62:E63"/>
    <mergeCell ref="F62:I63"/>
    <mergeCell ref="J62:R63"/>
    <mergeCell ref="S62:U63"/>
    <mergeCell ref="AF64:AH65"/>
    <mergeCell ref="AI64:AM65"/>
    <mergeCell ref="AN64:AR65"/>
    <mergeCell ref="AS62:AV63"/>
    <mergeCell ref="AW62:AY63"/>
    <mergeCell ref="AF62:AH63"/>
    <mergeCell ref="AI62:AM63"/>
    <mergeCell ref="AN62:AR63"/>
    <mergeCell ref="AF68:AH69"/>
    <mergeCell ref="AI68:AM69"/>
    <mergeCell ref="AN68:AR69"/>
    <mergeCell ref="AS66:AV67"/>
    <mergeCell ref="AW66:AY67"/>
    <mergeCell ref="AZ66:BB67"/>
    <mergeCell ref="BC66:BE67"/>
    <mergeCell ref="A68:A69"/>
    <mergeCell ref="B68:E69"/>
    <mergeCell ref="F68:I69"/>
    <mergeCell ref="J68:R69"/>
    <mergeCell ref="S68:U69"/>
    <mergeCell ref="V66:W67"/>
    <mergeCell ref="X66:Z67"/>
    <mergeCell ref="AA66:AC67"/>
    <mergeCell ref="AD66:AE67"/>
    <mergeCell ref="AF66:AH67"/>
    <mergeCell ref="AI66:AM67"/>
    <mergeCell ref="AN66:AR67"/>
    <mergeCell ref="A66:A67"/>
    <mergeCell ref="B66:E67"/>
    <mergeCell ref="F66:I67"/>
    <mergeCell ref="J66:R67"/>
    <mergeCell ref="S66:U67"/>
    <mergeCell ref="A70:A71"/>
    <mergeCell ref="B70:E71"/>
    <mergeCell ref="F70:I71"/>
    <mergeCell ref="J70:R71"/>
    <mergeCell ref="S70:U71"/>
    <mergeCell ref="V68:W69"/>
    <mergeCell ref="X68:Z69"/>
    <mergeCell ref="AA68:AC69"/>
    <mergeCell ref="AD68:AE69"/>
    <mergeCell ref="B74:AH75"/>
    <mergeCell ref="AS74:AV75"/>
    <mergeCell ref="AW74:AY75"/>
    <mergeCell ref="AZ74:BB75"/>
    <mergeCell ref="BC74:BE75"/>
    <mergeCell ref="AN74:AR75"/>
    <mergeCell ref="AS70:AV71"/>
    <mergeCell ref="AW70:AY71"/>
    <mergeCell ref="AZ70:BB71"/>
    <mergeCell ref="BC70:BE71"/>
    <mergeCell ref="B72:AH73"/>
    <mergeCell ref="AS72:AV73"/>
    <mergeCell ref="AW72:AY73"/>
    <mergeCell ref="V70:W71"/>
    <mergeCell ref="X70:Z71"/>
    <mergeCell ref="AA70:AC71"/>
    <mergeCell ref="AD70:AE71"/>
    <mergeCell ref="AF70:AH71"/>
    <mergeCell ref="AI74:AM75"/>
    <mergeCell ref="AN72:AR73"/>
    <mergeCell ref="AI72:AM73"/>
    <mergeCell ref="AN70:AR71"/>
    <mergeCell ref="AI70:AM71"/>
    <mergeCell ref="BN77:BP78"/>
    <mergeCell ref="BQ77:BT78"/>
    <mergeCell ref="BU77:BW78"/>
    <mergeCell ref="B77:H78"/>
    <mergeCell ref="I77:M78"/>
    <mergeCell ref="N77:W78"/>
    <mergeCell ref="AE77:AM78"/>
    <mergeCell ref="AN77:AR78"/>
    <mergeCell ref="AI10:AR10"/>
    <mergeCell ref="BF10:BH11"/>
    <mergeCell ref="BF12:BH13"/>
    <mergeCell ref="BF14:BH15"/>
    <mergeCell ref="BF16:BH17"/>
    <mergeCell ref="AI16:AM17"/>
    <mergeCell ref="AS77:BB78"/>
    <mergeCell ref="BJ77:BM78"/>
    <mergeCell ref="AZ72:BB73"/>
    <mergeCell ref="BC72:BE73"/>
    <mergeCell ref="AS68:AV69"/>
    <mergeCell ref="AW68:AY69"/>
    <mergeCell ref="AZ68:BB69"/>
    <mergeCell ref="BC68:BE69"/>
    <mergeCell ref="AS64:AV65"/>
    <mergeCell ref="AW64:AY65"/>
    <mergeCell ref="BF24:BH25"/>
    <mergeCell ref="BF26:BH27"/>
    <mergeCell ref="BF28:BH29"/>
    <mergeCell ref="AN20:AR21"/>
    <mergeCell ref="AN22:AR23"/>
    <mergeCell ref="AN24:AR25"/>
    <mergeCell ref="AZ64:BB65"/>
    <mergeCell ref="BC64:BE65"/>
    <mergeCell ref="AZ62:BB63"/>
    <mergeCell ref="BC62:BE63"/>
    <mergeCell ref="AS60:AV61"/>
    <mergeCell ref="AW60:AY61"/>
    <mergeCell ref="AZ60:BB61"/>
    <mergeCell ref="BF36:BH37"/>
    <mergeCell ref="BF38:BH39"/>
    <mergeCell ref="BF40:BH41"/>
    <mergeCell ref="AZ54:BB55"/>
    <mergeCell ref="BC54:BE55"/>
    <mergeCell ref="AZ56:BB57"/>
    <mergeCell ref="BC56:BE57"/>
    <mergeCell ref="AS46:AV47"/>
    <mergeCell ref="AW46:AY47"/>
    <mergeCell ref="AZ46:BB47"/>
    <mergeCell ref="BC46:BE47"/>
    <mergeCell ref="BF66:BH67"/>
    <mergeCell ref="BF68:BH69"/>
    <mergeCell ref="BF70:BH71"/>
    <mergeCell ref="BF72:BH73"/>
    <mergeCell ref="BF74:BH75"/>
    <mergeCell ref="BS10:BW11"/>
    <mergeCell ref="BF54:BH55"/>
    <mergeCell ref="BF56:BH57"/>
    <mergeCell ref="BF58:BH59"/>
    <mergeCell ref="BF60:BH61"/>
    <mergeCell ref="BF62:BH63"/>
    <mergeCell ref="BF64:BH65"/>
    <mergeCell ref="BF42:BH43"/>
    <mergeCell ref="BF44:BH45"/>
    <mergeCell ref="BF46:BH47"/>
    <mergeCell ref="BF48:BH49"/>
    <mergeCell ref="BF50:BH51"/>
    <mergeCell ref="BF52:BH53"/>
    <mergeCell ref="BF30:BH31"/>
    <mergeCell ref="BF32:BH33"/>
    <mergeCell ref="BF34:BH35"/>
    <mergeCell ref="BF18:BH19"/>
    <mergeCell ref="BF20:BH21"/>
    <mergeCell ref="BF22:BH23"/>
    <mergeCell ref="AN12:AR13"/>
    <mergeCell ref="AI12:AM13"/>
    <mergeCell ref="AN54:AR55"/>
    <mergeCell ref="AN56:AR57"/>
    <mergeCell ref="AN58:AR59"/>
    <mergeCell ref="AN60:AR61"/>
    <mergeCell ref="AN42:AR43"/>
    <mergeCell ref="AN44:AR45"/>
    <mergeCell ref="AN46:AR47"/>
    <mergeCell ref="AN48:AR49"/>
    <mergeCell ref="AN30:AR31"/>
    <mergeCell ref="AN32:AR33"/>
    <mergeCell ref="AN34:AR35"/>
    <mergeCell ref="AN36:AR37"/>
    <mergeCell ref="AN18:AR19"/>
    <mergeCell ref="AI36:AM37"/>
    <mergeCell ref="AI24:AM25"/>
  </mergeCells>
  <phoneticPr fontId="3"/>
  <printOptions horizontalCentered="1"/>
  <pageMargins left="0.47244094488188981" right="0.23622047244094491" top="0.47244094488188981" bottom="0.27559055118110237" header="0.15748031496062992" footer="0.19685039370078741"/>
  <pageSetup paperSize="9" scale="97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E72"/>
  <sheetViews>
    <sheetView tabSelected="1" zoomScaleNormal="100" zoomScaleSheetLayoutView="100" workbookViewId="0">
      <selection activeCell="J3" sqref="J3:K4"/>
    </sheetView>
  </sheetViews>
  <sheetFormatPr defaultColWidth="1.88671875" defaultRowHeight="14.25" customHeight="1"/>
  <cols>
    <col min="1" max="1" width="2" style="22" customWidth="1"/>
    <col min="2" max="75" width="1.44140625" style="22" customWidth="1"/>
    <col min="76" max="16384" width="1.88671875" style="22"/>
  </cols>
  <sheetData>
    <row r="1" spans="1:75" ht="18" customHeight="1">
      <c r="B1" s="18" t="s">
        <v>117</v>
      </c>
      <c r="C1" s="18"/>
      <c r="D1" s="18"/>
      <c r="E1" s="18"/>
      <c r="F1" s="18"/>
      <c r="G1" s="18"/>
      <c r="H1" s="18"/>
      <c r="I1" s="18"/>
      <c r="J1" s="18"/>
      <c r="K1" s="18"/>
      <c r="L1" s="18"/>
      <c r="M1" s="18"/>
      <c r="N1" s="18"/>
      <c r="O1" s="18"/>
      <c r="P1" s="18"/>
      <c r="Q1" s="18"/>
      <c r="R1" s="18"/>
      <c r="S1" s="18"/>
      <c r="T1" s="18"/>
      <c r="U1" s="18"/>
      <c r="V1" s="18"/>
      <c r="W1" s="18"/>
      <c r="X1" s="18"/>
      <c r="Y1" s="19" t="s">
        <v>46</v>
      </c>
      <c r="Z1" s="18"/>
      <c r="AA1" s="60"/>
      <c r="AB1" s="19"/>
      <c r="AC1" s="19"/>
      <c r="AD1" s="19"/>
      <c r="AE1" s="19"/>
      <c r="AF1" s="20"/>
      <c r="AG1" s="20"/>
      <c r="AH1" s="20"/>
      <c r="AI1" s="20"/>
      <c r="AJ1" s="20"/>
      <c r="AK1" s="20"/>
      <c r="AL1" s="20"/>
      <c r="AM1" s="20"/>
      <c r="AN1" s="20"/>
      <c r="AO1" s="20"/>
      <c r="AP1" s="20"/>
      <c r="AQ1" s="20"/>
      <c r="AR1" s="20"/>
      <c r="AS1" s="20"/>
      <c r="AT1" s="20"/>
      <c r="AU1" s="20"/>
      <c r="AV1" s="20"/>
      <c r="AW1" s="20"/>
      <c r="AX1" s="21"/>
      <c r="AY1" s="21"/>
      <c r="AZ1" s="21"/>
      <c r="BA1" s="21"/>
      <c r="BB1" s="21"/>
      <c r="BC1" s="21"/>
      <c r="BD1" s="21"/>
      <c r="BE1" s="21"/>
      <c r="BF1" s="21"/>
      <c r="BG1" s="21"/>
      <c r="BH1" s="21"/>
      <c r="BI1" s="21"/>
      <c r="BJ1" s="21"/>
      <c r="BK1" s="21"/>
      <c r="BL1" s="21"/>
      <c r="BM1" s="21"/>
      <c r="BN1" s="21"/>
      <c r="BO1" s="21"/>
      <c r="BP1" s="21"/>
      <c r="BQ1" s="21"/>
      <c r="BR1" s="21"/>
      <c r="BS1" s="21"/>
      <c r="BT1" s="20"/>
      <c r="BU1" s="20"/>
    </row>
    <row r="2" spans="1:75" s="5" customFormat="1" ht="13.5" customHeight="1">
      <c r="B2" s="209" t="s">
        <v>3</v>
      </c>
      <c r="C2" s="210"/>
      <c r="D2" s="210"/>
      <c r="E2" s="210"/>
      <c r="F2" s="210"/>
      <c r="G2" s="210"/>
      <c r="H2" s="210"/>
      <c r="I2" s="210"/>
      <c r="J2" s="210"/>
      <c r="K2" s="210"/>
      <c r="L2" s="210"/>
      <c r="M2" s="210"/>
      <c r="N2" s="210"/>
      <c r="O2" s="210"/>
      <c r="P2" s="210"/>
      <c r="Q2" s="210"/>
      <c r="R2" s="210"/>
      <c r="S2" s="210"/>
      <c r="T2" s="210"/>
      <c r="U2" s="211"/>
      <c r="V2" s="212" t="s">
        <v>72</v>
      </c>
      <c r="W2" s="213"/>
      <c r="X2" s="213"/>
      <c r="Y2" s="213"/>
      <c r="Z2" s="213"/>
      <c r="AA2" s="213"/>
      <c r="AB2" s="213"/>
      <c r="AC2" s="213"/>
      <c r="AD2" s="213"/>
      <c r="AE2" s="214"/>
      <c r="AF2" s="205"/>
      <c r="AG2" s="198"/>
      <c r="AH2" s="198"/>
      <c r="AI2" s="198"/>
      <c r="AJ2" s="198"/>
      <c r="AK2" s="198"/>
      <c r="AL2" s="198"/>
      <c r="AM2" s="198"/>
      <c r="AN2" s="198"/>
      <c r="AO2" s="198"/>
      <c r="AP2" s="198"/>
      <c r="AQ2" s="198"/>
      <c r="AR2" s="198"/>
      <c r="AS2" s="221"/>
      <c r="AT2" s="205" t="s">
        <v>0</v>
      </c>
      <c r="AU2" s="198"/>
      <c r="AV2" s="198"/>
      <c r="AW2" s="198"/>
      <c r="AX2" s="198"/>
      <c r="AY2" s="198"/>
      <c r="AZ2" s="198"/>
      <c r="BA2" s="221"/>
      <c r="BB2" s="198"/>
      <c r="BC2" s="206"/>
      <c r="BD2" s="197"/>
      <c r="BE2" s="206"/>
      <c r="BF2" s="197"/>
      <c r="BG2" s="206"/>
      <c r="BH2" s="197"/>
      <c r="BI2" s="206"/>
      <c r="BJ2" s="197"/>
      <c r="BK2" s="206"/>
      <c r="BL2" s="197"/>
      <c r="BM2" s="206"/>
      <c r="BN2" s="197"/>
      <c r="BO2" s="206"/>
      <c r="BP2" s="197"/>
      <c r="BQ2" s="206"/>
      <c r="BR2" s="197"/>
      <c r="BS2" s="198"/>
      <c r="BT2" s="201"/>
      <c r="BU2" s="202"/>
      <c r="BV2" s="48"/>
      <c r="BW2" s="49"/>
    </row>
    <row r="3" spans="1:75" s="5" customFormat="1" ht="13.5" customHeight="1">
      <c r="B3" s="205"/>
      <c r="C3" s="206"/>
      <c r="D3" s="197"/>
      <c r="E3" s="206"/>
      <c r="F3" s="197"/>
      <c r="G3" s="206"/>
      <c r="H3" s="197"/>
      <c r="I3" s="206"/>
      <c r="J3" s="197"/>
      <c r="K3" s="206"/>
      <c r="L3" s="197"/>
      <c r="M3" s="206"/>
      <c r="N3" s="197"/>
      <c r="O3" s="206"/>
      <c r="P3" s="197"/>
      <c r="Q3" s="206"/>
      <c r="R3" s="197"/>
      <c r="S3" s="206"/>
      <c r="T3" s="197"/>
      <c r="U3" s="221"/>
      <c r="V3" s="215"/>
      <c r="W3" s="216"/>
      <c r="X3" s="216"/>
      <c r="Y3" s="216"/>
      <c r="Z3" s="216"/>
      <c r="AA3" s="216"/>
      <c r="AB3" s="216"/>
      <c r="AC3" s="216"/>
      <c r="AD3" s="216"/>
      <c r="AE3" s="217"/>
      <c r="AF3" s="222"/>
      <c r="AG3" s="223"/>
      <c r="AH3" s="223"/>
      <c r="AI3" s="223"/>
      <c r="AJ3" s="223"/>
      <c r="AK3" s="223"/>
      <c r="AL3" s="223"/>
      <c r="AM3" s="223"/>
      <c r="AN3" s="223"/>
      <c r="AO3" s="223"/>
      <c r="AP3" s="223"/>
      <c r="AQ3" s="223"/>
      <c r="AR3" s="223"/>
      <c r="AS3" s="224"/>
      <c r="AT3" s="207"/>
      <c r="AU3" s="200"/>
      <c r="AV3" s="200"/>
      <c r="AW3" s="200"/>
      <c r="AX3" s="200"/>
      <c r="AY3" s="200"/>
      <c r="AZ3" s="200"/>
      <c r="BA3" s="225"/>
      <c r="BB3" s="200"/>
      <c r="BC3" s="208"/>
      <c r="BD3" s="199"/>
      <c r="BE3" s="208"/>
      <c r="BF3" s="199"/>
      <c r="BG3" s="208"/>
      <c r="BH3" s="199"/>
      <c r="BI3" s="208"/>
      <c r="BJ3" s="199"/>
      <c r="BK3" s="208"/>
      <c r="BL3" s="199"/>
      <c r="BM3" s="208"/>
      <c r="BN3" s="199"/>
      <c r="BO3" s="208"/>
      <c r="BP3" s="199"/>
      <c r="BQ3" s="208"/>
      <c r="BR3" s="199"/>
      <c r="BS3" s="200"/>
      <c r="BT3" s="203"/>
      <c r="BU3" s="204"/>
      <c r="BV3" s="50"/>
      <c r="BW3" s="51"/>
    </row>
    <row r="4" spans="1:75" s="5" customFormat="1" ht="14.4" customHeight="1">
      <c r="B4" s="207"/>
      <c r="C4" s="208"/>
      <c r="D4" s="199"/>
      <c r="E4" s="208"/>
      <c r="F4" s="199"/>
      <c r="G4" s="208"/>
      <c r="H4" s="199"/>
      <c r="I4" s="208"/>
      <c r="J4" s="199"/>
      <c r="K4" s="208"/>
      <c r="L4" s="199"/>
      <c r="M4" s="208"/>
      <c r="N4" s="199"/>
      <c r="O4" s="208"/>
      <c r="P4" s="199"/>
      <c r="Q4" s="208"/>
      <c r="R4" s="199"/>
      <c r="S4" s="208"/>
      <c r="T4" s="199"/>
      <c r="U4" s="225"/>
      <c r="V4" s="218"/>
      <c r="W4" s="219"/>
      <c r="X4" s="219"/>
      <c r="Y4" s="219"/>
      <c r="Z4" s="219"/>
      <c r="AA4" s="219"/>
      <c r="AB4" s="219"/>
      <c r="AC4" s="219"/>
      <c r="AD4" s="219"/>
      <c r="AE4" s="220"/>
      <c r="AF4" s="207"/>
      <c r="AG4" s="200"/>
      <c r="AH4" s="200"/>
      <c r="AI4" s="200"/>
      <c r="AJ4" s="200"/>
      <c r="AK4" s="200"/>
      <c r="AL4" s="200"/>
      <c r="AM4" s="200"/>
      <c r="AN4" s="200"/>
      <c r="AO4" s="200"/>
      <c r="AP4" s="200"/>
      <c r="AQ4" s="200"/>
      <c r="AR4" s="200"/>
      <c r="AS4" s="225"/>
      <c r="AT4" s="565" t="s">
        <v>5</v>
      </c>
      <c r="AU4" s="566"/>
      <c r="AV4" s="566"/>
      <c r="AW4" s="566"/>
      <c r="AX4" s="566"/>
      <c r="AY4" s="566"/>
      <c r="AZ4" s="566"/>
      <c r="BA4" s="567"/>
      <c r="BB4" s="205"/>
      <c r="BC4" s="198"/>
      <c r="BD4" s="198"/>
      <c r="BE4" s="198"/>
      <c r="BF4" s="198"/>
      <c r="BG4" s="198"/>
      <c r="BH4" s="198"/>
      <c r="BI4" s="198"/>
      <c r="BJ4" s="198"/>
      <c r="BK4" s="198"/>
      <c r="BL4" s="198"/>
      <c r="BM4" s="198"/>
      <c r="BN4" s="198"/>
      <c r="BO4" s="198"/>
      <c r="BP4" s="198"/>
      <c r="BQ4" s="198"/>
      <c r="BR4" s="198"/>
      <c r="BS4" s="198"/>
      <c r="BT4" s="198"/>
      <c r="BU4" s="198"/>
      <c r="BV4" s="198"/>
      <c r="BW4" s="221"/>
    </row>
    <row r="5" spans="1:75" s="5" customFormat="1" ht="14.4" customHeight="1">
      <c r="B5" s="212" t="s">
        <v>47</v>
      </c>
      <c r="C5" s="213"/>
      <c r="D5" s="213"/>
      <c r="E5" s="213"/>
      <c r="F5" s="213"/>
      <c r="G5" s="213"/>
      <c r="H5" s="213"/>
      <c r="I5" s="213"/>
      <c r="J5" s="156"/>
      <c r="K5" s="198"/>
      <c r="L5" s="198"/>
      <c r="M5" s="198"/>
      <c r="N5" s="198"/>
      <c r="O5" s="198"/>
      <c r="P5" s="198" t="s">
        <v>48</v>
      </c>
      <c r="Q5" s="198"/>
      <c r="R5" s="198"/>
      <c r="S5" s="198"/>
      <c r="T5" s="198"/>
      <c r="U5" s="221"/>
      <c r="V5" s="212" t="s">
        <v>107</v>
      </c>
      <c r="W5" s="213"/>
      <c r="X5" s="213"/>
      <c r="Y5" s="213"/>
      <c r="Z5" s="213"/>
      <c r="AA5" s="213"/>
      <c r="AB5" s="213"/>
      <c r="AC5" s="213"/>
      <c r="AD5" s="213"/>
      <c r="AE5" s="214"/>
      <c r="AF5" s="205" t="s">
        <v>108</v>
      </c>
      <c r="AG5" s="198"/>
      <c r="AH5" s="198"/>
      <c r="AI5" s="198"/>
      <c r="AJ5" s="198"/>
      <c r="AK5" s="198"/>
      <c r="AL5" s="198"/>
      <c r="AM5" s="198"/>
      <c r="AN5" s="198"/>
      <c r="AO5" s="198"/>
      <c r="AP5" s="198"/>
      <c r="AQ5" s="198"/>
      <c r="AR5" s="198"/>
      <c r="AS5" s="221"/>
      <c r="AT5" s="247"/>
      <c r="AU5" s="248"/>
      <c r="AV5" s="248"/>
      <c r="AW5" s="248"/>
      <c r="AX5" s="248"/>
      <c r="AY5" s="248"/>
      <c r="AZ5" s="248"/>
      <c r="BA5" s="249"/>
      <c r="BB5" s="207"/>
      <c r="BC5" s="200"/>
      <c r="BD5" s="200"/>
      <c r="BE5" s="200"/>
      <c r="BF5" s="200"/>
      <c r="BG5" s="200"/>
      <c r="BH5" s="200"/>
      <c r="BI5" s="200"/>
      <c r="BJ5" s="200"/>
      <c r="BK5" s="200"/>
      <c r="BL5" s="200"/>
      <c r="BM5" s="200"/>
      <c r="BN5" s="200"/>
      <c r="BO5" s="200"/>
      <c r="BP5" s="200"/>
      <c r="BQ5" s="200"/>
      <c r="BR5" s="200"/>
      <c r="BS5" s="200"/>
      <c r="BT5" s="200"/>
      <c r="BU5" s="200"/>
      <c r="BV5" s="200"/>
      <c r="BW5" s="225"/>
    </row>
    <row r="6" spans="1:75" s="5" customFormat="1" ht="12" customHeight="1">
      <c r="B6" s="215"/>
      <c r="C6" s="216"/>
      <c r="D6" s="216"/>
      <c r="E6" s="216"/>
      <c r="F6" s="216"/>
      <c r="G6" s="216"/>
      <c r="H6" s="216"/>
      <c r="I6" s="216"/>
      <c r="J6" s="157"/>
      <c r="K6" s="223"/>
      <c r="L6" s="223"/>
      <c r="M6" s="223"/>
      <c r="N6" s="223"/>
      <c r="O6" s="223"/>
      <c r="P6" s="223"/>
      <c r="Q6" s="223"/>
      <c r="R6" s="223"/>
      <c r="S6" s="223"/>
      <c r="T6" s="223"/>
      <c r="U6" s="224"/>
      <c r="V6" s="215"/>
      <c r="W6" s="216"/>
      <c r="X6" s="216"/>
      <c r="Y6" s="216"/>
      <c r="Z6" s="216"/>
      <c r="AA6" s="216"/>
      <c r="AB6" s="216"/>
      <c r="AC6" s="216"/>
      <c r="AD6" s="216"/>
      <c r="AE6" s="217"/>
      <c r="AF6" s="599"/>
      <c r="AG6" s="600"/>
      <c r="AH6" s="600"/>
      <c r="AI6" s="600"/>
      <c r="AJ6" s="600"/>
      <c r="AK6" s="600"/>
      <c r="AL6" s="600"/>
      <c r="AM6" s="600"/>
      <c r="AN6" s="600"/>
      <c r="AO6" s="600"/>
      <c r="AP6" s="600"/>
      <c r="AQ6" s="600"/>
      <c r="AR6" s="600"/>
      <c r="AS6" s="601"/>
      <c r="AT6" s="244" t="s">
        <v>73</v>
      </c>
      <c r="AU6" s="245"/>
      <c r="AV6" s="245"/>
      <c r="AW6" s="245"/>
      <c r="AX6" s="245"/>
      <c r="AY6" s="245"/>
      <c r="AZ6" s="245"/>
      <c r="BA6" s="246"/>
      <c r="BB6" s="7"/>
      <c r="BC6" s="8"/>
      <c r="BD6" s="223"/>
      <c r="BE6" s="223"/>
      <c r="BF6" s="223"/>
      <c r="BG6" s="223"/>
      <c r="BH6" s="223"/>
      <c r="BI6" s="223"/>
      <c r="BJ6" s="223"/>
      <c r="BK6" s="223"/>
      <c r="BL6" s="223"/>
      <c r="BM6" s="223"/>
      <c r="BN6" s="223"/>
      <c r="BO6" s="223"/>
      <c r="BP6" s="223"/>
      <c r="BQ6" s="223"/>
      <c r="BR6" s="223"/>
      <c r="BS6" s="223"/>
      <c r="BT6" s="8"/>
      <c r="BU6" s="223" t="s">
        <v>12</v>
      </c>
      <c r="BV6" s="223"/>
      <c r="BW6" s="9"/>
    </row>
    <row r="7" spans="1:75" s="5" customFormat="1" ht="12.9" customHeight="1">
      <c r="B7" s="218"/>
      <c r="C7" s="219"/>
      <c r="D7" s="219"/>
      <c r="E7" s="219"/>
      <c r="F7" s="219"/>
      <c r="G7" s="219"/>
      <c r="H7" s="219"/>
      <c r="I7" s="219"/>
      <c r="J7" s="158"/>
      <c r="K7" s="200"/>
      <c r="L7" s="200"/>
      <c r="M7" s="200"/>
      <c r="N7" s="200"/>
      <c r="O7" s="200"/>
      <c r="P7" s="200"/>
      <c r="Q7" s="200"/>
      <c r="R7" s="200"/>
      <c r="S7" s="200"/>
      <c r="T7" s="200"/>
      <c r="U7" s="225"/>
      <c r="V7" s="63"/>
      <c r="W7" s="64"/>
      <c r="X7" s="479" t="s">
        <v>106</v>
      </c>
      <c r="Y7" s="597"/>
      <c r="Z7" s="597"/>
      <c r="AA7" s="597"/>
      <c r="AB7" s="597"/>
      <c r="AC7" s="597"/>
      <c r="AD7" s="597"/>
      <c r="AE7" s="598"/>
      <c r="AF7" s="602" t="s">
        <v>109</v>
      </c>
      <c r="AG7" s="603"/>
      <c r="AH7" s="603"/>
      <c r="AI7" s="603"/>
      <c r="AJ7" s="603"/>
      <c r="AK7" s="603"/>
      <c r="AL7" s="603"/>
      <c r="AM7" s="603"/>
      <c r="AN7" s="603"/>
      <c r="AO7" s="603"/>
      <c r="AP7" s="603"/>
      <c r="AQ7" s="603"/>
      <c r="AR7" s="603"/>
      <c r="AS7" s="604"/>
      <c r="AT7" s="247"/>
      <c r="AU7" s="248"/>
      <c r="AV7" s="248"/>
      <c r="AW7" s="248"/>
      <c r="AX7" s="248"/>
      <c r="AY7" s="248"/>
      <c r="AZ7" s="248"/>
      <c r="BA7" s="249"/>
      <c r="BB7" s="118"/>
      <c r="BC7" s="166"/>
      <c r="BD7" s="200"/>
      <c r="BE7" s="200"/>
      <c r="BF7" s="200"/>
      <c r="BG7" s="200"/>
      <c r="BH7" s="200"/>
      <c r="BI7" s="200"/>
      <c r="BJ7" s="200"/>
      <c r="BK7" s="200"/>
      <c r="BL7" s="200"/>
      <c r="BM7" s="200"/>
      <c r="BN7" s="200"/>
      <c r="BO7" s="200"/>
      <c r="BP7" s="200"/>
      <c r="BQ7" s="200"/>
      <c r="BR7" s="200"/>
      <c r="BS7" s="200"/>
      <c r="BT7" s="166"/>
      <c r="BU7" s="200"/>
      <c r="BV7" s="200"/>
      <c r="BW7" s="183"/>
    </row>
    <row r="8" spans="1:75" ht="14.25" customHeight="1" thickBot="1">
      <c r="B8" s="155"/>
      <c r="C8" s="155"/>
      <c r="D8" s="155"/>
      <c r="E8" s="155"/>
      <c r="F8" s="155"/>
      <c r="G8" s="155"/>
      <c r="H8" s="155"/>
      <c r="I8" s="155"/>
      <c r="J8" s="155"/>
      <c r="K8" s="155"/>
      <c r="L8" s="155"/>
      <c r="M8" s="155"/>
      <c r="N8" s="155"/>
      <c r="O8" s="155"/>
      <c r="P8" s="155"/>
      <c r="Q8" s="155"/>
      <c r="R8" s="155"/>
      <c r="S8" s="155"/>
      <c r="T8" s="155"/>
      <c r="U8" s="155"/>
      <c r="V8" s="155"/>
      <c r="W8" s="155"/>
      <c r="X8" s="155"/>
      <c r="Y8" s="155"/>
      <c r="Z8" s="155"/>
      <c r="AA8" s="155"/>
      <c r="AB8" s="155"/>
      <c r="AC8" s="155"/>
      <c r="AD8" s="155"/>
      <c r="AE8" s="155"/>
      <c r="AF8" s="155"/>
      <c r="AG8" s="155"/>
      <c r="AH8" s="155"/>
      <c r="AI8" s="155"/>
      <c r="AJ8" s="155"/>
      <c r="AK8" s="155"/>
      <c r="AL8" s="159"/>
      <c r="AM8" s="159"/>
      <c r="AN8" s="159"/>
      <c r="AO8" s="159"/>
      <c r="AP8" s="159"/>
      <c r="AQ8" s="159"/>
      <c r="AR8" s="159"/>
      <c r="AS8" s="159"/>
      <c r="AT8" s="159"/>
      <c r="AU8" s="159"/>
      <c r="AV8" s="159"/>
      <c r="AW8" s="159"/>
      <c r="AX8" s="159"/>
      <c r="AY8" s="159"/>
      <c r="AZ8" s="159"/>
      <c r="BA8" s="159"/>
      <c r="BB8" s="159"/>
      <c r="BC8" s="159"/>
      <c r="BD8" s="155"/>
      <c r="BE8" s="155"/>
      <c r="BF8" s="155"/>
      <c r="BG8" s="155"/>
      <c r="BH8" s="155"/>
      <c r="BI8" s="155"/>
      <c r="BJ8" s="155"/>
      <c r="BK8" s="155"/>
      <c r="BL8" s="155"/>
      <c r="BM8" s="155"/>
      <c r="BN8" s="155"/>
      <c r="BO8" s="155"/>
      <c r="BP8" s="155"/>
      <c r="BQ8" s="155"/>
      <c r="BR8" s="155"/>
      <c r="BS8" s="155"/>
      <c r="BT8" s="155"/>
      <c r="BU8" s="155"/>
      <c r="BV8" s="155"/>
      <c r="BW8" s="155"/>
    </row>
    <row r="9" spans="1:75" s="96" customFormat="1" ht="12.6" customHeight="1" thickTop="1">
      <c r="B9" s="205" t="s">
        <v>13</v>
      </c>
      <c r="C9" s="198"/>
      <c r="D9" s="198"/>
      <c r="E9" s="198"/>
      <c r="F9" s="221"/>
      <c r="G9" s="205" t="s">
        <v>14</v>
      </c>
      <c r="H9" s="333"/>
      <c r="I9" s="333"/>
      <c r="J9" s="333"/>
      <c r="K9" s="334"/>
      <c r="L9" s="209" t="s">
        <v>16</v>
      </c>
      <c r="M9" s="595"/>
      <c r="N9" s="595"/>
      <c r="O9" s="595"/>
      <c r="P9" s="595"/>
      <c r="Q9" s="595"/>
      <c r="R9" s="595"/>
      <c r="S9" s="595"/>
      <c r="T9" s="595"/>
      <c r="U9" s="595"/>
      <c r="V9" s="595"/>
      <c r="W9" s="595"/>
      <c r="X9" s="595"/>
      <c r="Y9" s="595"/>
      <c r="Z9" s="595"/>
      <c r="AA9" s="595"/>
      <c r="AB9" s="595"/>
      <c r="AC9" s="595"/>
      <c r="AD9" s="595"/>
      <c r="AE9" s="596"/>
      <c r="AF9" s="361" t="s">
        <v>49</v>
      </c>
      <c r="AG9" s="360"/>
      <c r="AH9" s="360"/>
      <c r="AI9" s="360"/>
      <c r="AJ9" s="360"/>
      <c r="AK9" s="360"/>
      <c r="AL9" s="362"/>
      <c r="AM9" s="240" t="s">
        <v>18</v>
      </c>
      <c r="AN9" s="213"/>
      <c r="AO9" s="213"/>
      <c r="AP9" s="213"/>
      <c r="AQ9" s="214"/>
      <c r="AR9" s="275" t="s">
        <v>126</v>
      </c>
      <c r="AS9" s="333"/>
      <c r="AT9" s="333"/>
      <c r="AU9" s="333"/>
      <c r="AV9" s="333"/>
      <c r="AW9" s="334"/>
      <c r="AX9" s="212" t="s">
        <v>128</v>
      </c>
      <c r="AY9" s="333"/>
      <c r="AZ9" s="333"/>
      <c r="BA9" s="333"/>
      <c r="BB9" s="333"/>
      <c r="BC9" s="334"/>
      <c r="BD9" s="205" t="s">
        <v>50</v>
      </c>
      <c r="BE9" s="198"/>
      <c r="BF9" s="198"/>
      <c r="BG9" s="198"/>
      <c r="BH9" s="198"/>
      <c r="BI9" s="198"/>
      <c r="BJ9" s="198"/>
      <c r="BK9" s="198"/>
      <c r="BL9" s="198"/>
      <c r="BM9" s="198"/>
      <c r="BN9" s="198"/>
      <c r="BO9" s="198"/>
      <c r="BP9" s="198"/>
      <c r="BQ9" s="198"/>
      <c r="BR9" s="198"/>
      <c r="BS9" s="198"/>
      <c r="BT9" s="198"/>
      <c r="BU9" s="198"/>
      <c r="BV9" s="198"/>
      <c r="BW9" s="221"/>
    </row>
    <row r="10" spans="1:75" s="96" customFormat="1" ht="12.6" customHeight="1">
      <c r="B10" s="207"/>
      <c r="C10" s="200"/>
      <c r="D10" s="200"/>
      <c r="E10" s="200"/>
      <c r="F10" s="225"/>
      <c r="G10" s="340"/>
      <c r="H10" s="336"/>
      <c r="I10" s="336"/>
      <c r="J10" s="336"/>
      <c r="K10" s="337"/>
      <c r="L10" s="209" t="s">
        <v>20</v>
      </c>
      <c r="M10" s="595"/>
      <c r="N10" s="595"/>
      <c r="O10" s="595"/>
      <c r="P10" s="595"/>
      <c r="Q10" s="595"/>
      <c r="R10" s="595"/>
      <c r="S10" s="595"/>
      <c r="T10" s="595"/>
      <c r="U10" s="605"/>
      <c r="V10" s="209" t="s">
        <v>21</v>
      </c>
      <c r="W10" s="595"/>
      <c r="X10" s="595"/>
      <c r="Y10" s="595"/>
      <c r="Z10" s="595"/>
      <c r="AA10" s="595"/>
      <c r="AB10" s="595"/>
      <c r="AC10" s="595"/>
      <c r="AD10" s="595"/>
      <c r="AE10" s="596"/>
      <c r="AF10" s="363"/>
      <c r="AG10" s="200"/>
      <c r="AH10" s="200"/>
      <c r="AI10" s="200"/>
      <c r="AJ10" s="200"/>
      <c r="AK10" s="200"/>
      <c r="AL10" s="230"/>
      <c r="AM10" s="242"/>
      <c r="AN10" s="219"/>
      <c r="AO10" s="219"/>
      <c r="AP10" s="219"/>
      <c r="AQ10" s="220"/>
      <c r="AR10" s="340"/>
      <c r="AS10" s="336"/>
      <c r="AT10" s="336"/>
      <c r="AU10" s="336"/>
      <c r="AV10" s="336"/>
      <c r="AW10" s="337"/>
      <c r="AX10" s="340"/>
      <c r="AY10" s="336"/>
      <c r="AZ10" s="336"/>
      <c r="BA10" s="336"/>
      <c r="BB10" s="336"/>
      <c r="BC10" s="336"/>
      <c r="BD10" s="235" t="s">
        <v>64</v>
      </c>
      <c r="BE10" s="236"/>
      <c r="BF10" s="236"/>
      <c r="BG10" s="236"/>
      <c r="BH10" s="236"/>
      <c r="BI10" s="243"/>
      <c r="BJ10" s="114"/>
      <c r="BK10" s="115"/>
      <c r="BL10" s="115"/>
      <c r="BM10" s="115"/>
      <c r="BN10" s="115"/>
      <c r="BO10" s="154"/>
      <c r="BP10" s="154"/>
      <c r="BQ10" s="154"/>
      <c r="BR10" s="154"/>
      <c r="BS10" s="160"/>
      <c r="BT10" s="160"/>
      <c r="BU10" s="160"/>
      <c r="BV10" s="160"/>
      <c r="BW10" s="161"/>
    </row>
    <row r="11" spans="1:75" ht="12" customHeight="1">
      <c r="A11" s="298">
        <v>1</v>
      </c>
      <c r="B11" s="299"/>
      <c r="C11" s="300"/>
      <c r="D11" s="300"/>
      <c r="E11" s="300"/>
      <c r="F11" s="301"/>
      <c r="G11" s="299"/>
      <c r="H11" s="300"/>
      <c r="I11" s="300"/>
      <c r="J11" s="300"/>
      <c r="K11" s="301"/>
      <c r="L11" s="313"/>
      <c r="M11" s="314"/>
      <c r="N11" s="314"/>
      <c r="O11" s="314"/>
      <c r="P11" s="314" t="s">
        <v>32</v>
      </c>
      <c r="Q11" s="314"/>
      <c r="R11" s="314"/>
      <c r="S11" s="314"/>
      <c r="T11" s="314"/>
      <c r="U11" s="317"/>
      <c r="V11" s="313"/>
      <c r="W11" s="314"/>
      <c r="X11" s="314"/>
      <c r="Y11" s="314"/>
      <c r="Z11" s="314" t="s">
        <v>32</v>
      </c>
      <c r="AA11" s="314"/>
      <c r="AB11" s="314"/>
      <c r="AC11" s="314"/>
      <c r="AD11" s="314"/>
      <c r="AE11" s="324"/>
      <c r="AF11" s="326"/>
      <c r="AG11" s="306"/>
      <c r="AH11" s="306"/>
      <c r="AI11" s="306"/>
      <c r="AJ11" s="306"/>
      <c r="AK11" s="306"/>
      <c r="AL11" s="470"/>
      <c r="AM11" s="342"/>
      <c r="AN11" s="333"/>
      <c r="AO11" s="333"/>
      <c r="AP11" s="333"/>
      <c r="AQ11" s="334"/>
      <c r="AR11" s="23"/>
      <c r="AS11" s="24"/>
      <c r="AT11" s="24"/>
      <c r="AU11" s="24"/>
      <c r="AV11" s="24"/>
      <c r="AW11" s="25"/>
      <c r="AX11" s="23"/>
      <c r="AY11" s="24"/>
      <c r="AZ11" s="24"/>
      <c r="BA11" s="24"/>
      <c r="BB11" s="24"/>
      <c r="BC11" s="24"/>
      <c r="BD11" s="575" t="s">
        <v>67</v>
      </c>
      <c r="BE11" s="576"/>
      <c r="BF11" s="576"/>
      <c r="BG11" s="576" t="s">
        <v>78</v>
      </c>
      <c r="BH11" s="576"/>
      <c r="BI11" s="579"/>
      <c r="BJ11" s="110"/>
      <c r="BK11" s="111"/>
      <c r="BL11" s="111"/>
      <c r="BM11" s="111"/>
      <c r="BN11" s="111"/>
      <c r="BO11" s="26"/>
      <c r="BP11" s="26"/>
      <c r="BQ11" s="26"/>
      <c r="BR11" s="26"/>
      <c r="BS11" s="26"/>
      <c r="BT11" s="26"/>
      <c r="BU11" s="26"/>
      <c r="BV11" s="26"/>
      <c r="BW11" s="27"/>
    </row>
    <row r="12" spans="1:75" ht="12" customHeight="1">
      <c r="A12" s="298"/>
      <c r="B12" s="302"/>
      <c r="C12" s="303"/>
      <c r="D12" s="303"/>
      <c r="E12" s="303"/>
      <c r="F12" s="304"/>
      <c r="G12" s="302"/>
      <c r="H12" s="303"/>
      <c r="I12" s="303"/>
      <c r="J12" s="303"/>
      <c r="K12" s="304"/>
      <c r="L12" s="315"/>
      <c r="M12" s="316"/>
      <c r="N12" s="316"/>
      <c r="O12" s="316"/>
      <c r="P12" s="316"/>
      <c r="Q12" s="316"/>
      <c r="R12" s="316"/>
      <c r="S12" s="316"/>
      <c r="T12" s="316"/>
      <c r="U12" s="318"/>
      <c r="V12" s="315"/>
      <c r="W12" s="316"/>
      <c r="X12" s="316"/>
      <c r="Y12" s="316"/>
      <c r="Z12" s="316"/>
      <c r="AA12" s="316"/>
      <c r="AB12" s="316"/>
      <c r="AC12" s="316"/>
      <c r="AD12" s="316"/>
      <c r="AE12" s="325"/>
      <c r="AF12" s="328"/>
      <c r="AG12" s="309"/>
      <c r="AH12" s="309"/>
      <c r="AI12" s="309"/>
      <c r="AJ12" s="309"/>
      <c r="AK12" s="309"/>
      <c r="AL12" s="574"/>
      <c r="AM12" s="343"/>
      <c r="AN12" s="336"/>
      <c r="AO12" s="336"/>
      <c r="AP12" s="336"/>
      <c r="AQ12" s="337"/>
      <c r="AR12" s="28"/>
      <c r="AS12" s="29"/>
      <c r="AT12" s="29"/>
      <c r="AU12" s="29"/>
      <c r="AV12" s="29"/>
      <c r="AW12" s="30"/>
      <c r="AX12" s="28"/>
      <c r="AY12" s="29"/>
      <c r="AZ12" s="29"/>
      <c r="BA12" s="29"/>
      <c r="BB12" s="29"/>
      <c r="BC12" s="29"/>
      <c r="BD12" s="577"/>
      <c r="BE12" s="578"/>
      <c r="BF12" s="578"/>
      <c r="BG12" s="578"/>
      <c r="BH12" s="578"/>
      <c r="BI12" s="580"/>
      <c r="BJ12" s="112"/>
      <c r="BK12" s="113"/>
      <c r="BL12" s="113"/>
      <c r="BM12" s="113"/>
      <c r="BN12" s="113"/>
      <c r="BO12" s="31"/>
      <c r="BP12" s="31"/>
      <c r="BQ12" s="31"/>
      <c r="BR12" s="31"/>
      <c r="BS12" s="31"/>
      <c r="BT12" s="31"/>
      <c r="BU12" s="31"/>
      <c r="BV12" s="31"/>
      <c r="BW12" s="32"/>
    </row>
    <row r="13" spans="1:75" ht="12" customHeight="1">
      <c r="A13" s="298">
        <v>2</v>
      </c>
      <c r="B13" s="299"/>
      <c r="C13" s="300"/>
      <c r="D13" s="300"/>
      <c r="E13" s="300"/>
      <c r="F13" s="301"/>
      <c r="G13" s="299"/>
      <c r="H13" s="300"/>
      <c r="I13" s="300"/>
      <c r="J13" s="300"/>
      <c r="K13" s="301"/>
      <c r="L13" s="313"/>
      <c r="M13" s="314"/>
      <c r="N13" s="314"/>
      <c r="O13" s="314"/>
      <c r="P13" s="314" t="s">
        <v>32</v>
      </c>
      <c r="Q13" s="314"/>
      <c r="R13" s="314"/>
      <c r="S13" s="314"/>
      <c r="T13" s="314"/>
      <c r="U13" s="317"/>
      <c r="V13" s="313"/>
      <c r="W13" s="314"/>
      <c r="X13" s="314"/>
      <c r="Y13" s="314"/>
      <c r="Z13" s="314" t="s">
        <v>32</v>
      </c>
      <c r="AA13" s="314"/>
      <c r="AB13" s="314"/>
      <c r="AC13" s="314"/>
      <c r="AD13" s="314"/>
      <c r="AE13" s="324"/>
      <c r="AF13" s="326"/>
      <c r="AG13" s="306"/>
      <c r="AH13" s="306"/>
      <c r="AI13" s="306"/>
      <c r="AJ13" s="306"/>
      <c r="AK13" s="306"/>
      <c r="AL13" s="470"/>
      <c r="AM13" s="342"/>
      <c r="AN13" s="333"/>
      <c r="AO13" s="333"/>
      <c r="AP13" s="333"/>
      <c r="AQ13" s="334"/>
      <c r="AR13" s="23"/>
      <c r="AS13" s="24"/>
      <c r="AT13" s="24"/>
      <c r="AU13" s="24"/>
      <c r="AV13" s="24"/>
      <c r="AW13" s="25"/>
      <c r="AX13" s="23"/>
      <c r="AY13" s="24"/>
      <c r="AZ13" s="24"/>
      <c r="BA13" s="24"/>
      <c r="BB13" s="24"/>
      <c r="BC13" s="24"/>
      <c r="BD13" s="575" t="s">
        <v>67</v>
      </c>
      <c r="BE13" s="576"/>
      <c r="BF13" s="576"/>
      <c r="BG13" s="576" t="s">
        <v>78</v>
      </c>
      <c r="BH13" s="576"/>
      <c r="BI13" s="579"/>
      <c r="BJ13" s="110"/>
      <c r="BK13" s="111"/>
      <c r="BL13" s="111"/>
      <c r="BM13" s="111"/>
      <c r="BN13" s="111"/>
      <c r="BO13" s="24"/>
      <c r="BP13" s="24"/>
      <c r="BQ13" s="24"/>
      <c r="BR13" s="24"/>
      <c r="BS13" s="24"/>
      <c r="BT13" s="24"/>
      <c r="BU13" s="24"/>
      <c r="BV13" s="24"/>
      <c r="BW13" s="25"/>
    </row>
    <row r="14" spans="1:75" ht="12" customHeight="1">
      <c r="A14" s="298"/>
      <c r="B14" s="302"/>
      <c r="C14" s="303"/>
      <c r="D14" s="303"/>
      <c r="E14" s="303"/>
      <c r="F14" s="304"/>
      <c r="G14" s="302"/>
      <c r="H14" s="303"/>
      <c r="I14" s="303"/>
      <c r="J14" s="303"/>
      <c r="K14" s="304"/>
      <c r="L14" s="315"/>
      <c r="M14" s="316"/>
      <c r="N14" s="316"/>
      <c r="O14" s="316"/>
      <c r="P14" s="316"/>
      <c r="Q14" s="316"/>
      <c r="R14" s="316"/>
      <c r="S14" s="316"/>
      <c r="T14" s="316"/>
      <c r="U14" s="318"/>
      <c r="V14" s="315"/>
      <c r="W14" s="316"/>
      <c r="X14" s="316"/>
      <c r="Y14" s="316"/>
      <c r="Z14" s="316"/>
      <c r="AA14" s="316"/>
      <c r="AB14" s="316"/>
      <c r="AC14" s="316"/>
      <c r="AD14" s="316"/>
      <c r="AE14" s="325"/>
      <c r="AF14" s="328"/>
      <c r="AG14" s="309"/>
      <c r="AH14" s="309"/>
      <c r="AI14" s="309"/>
      <c r="AJ14" s="309"/>
      <c r="AK14" s="309"/>
      <c r="AL14" s="574"/>
      <c r="AM14" s="343"/>
      <c r="AN14" s="336"/>
      <c r="AO14" s="336"/>
      <c r="AP14" s="336"/>
      <c r="AQ14" s="337"/>
      <c r="AR14" s="28"/>
      <c r="AS14" s="29"/>
      <c r="AT14" s="29"/>
      <c r="AU14" s="29"/>
      <c r="AV14" s="29"/>
      <c r="AW14" s="30"/>
      <c r="AX14" s="28"/>
      <c r="AY14" s="29"/>
      <c r="AZ14" s="29"/>
      <c r="BA14" s="29"/>
      <c r="BB14" s="29"/>
      <c r="BC14" s="29"/>
      <c r="BD14" s="577"/>
      <c r="BE14" s="578"/>
      <c r="BF14" s="578"/>
      <c r="BG14" s="578"/>
      <c r="BH14" s="578"/>
      <c r="BI14" s="580"/>
      <c r="BJ14" s="112"/>
      <c r="BK14" s="113"/>
      <c r="BL14" s="113"/>
      <c r="BM14" s="113"/>
      <c r="BN14" s="113"/>
      <c r="BO14" s="29"/>
      <c r="BP14" s="29"/>
      <c r="BQ14" s="29"/>
      <c r="BR14" s="29"/>
      <c r="BS14" s="29"/>
      <c r="BT14" s="29"/>
      <c r="BU14" s="29"/>
      <c r="BV14" s="29"/>
      <c r="BW14" s="30"/>
    </row>
    <row r="15" spans="1:75" ht="12" customHeight="1">
      <c r="A15" s="298">
        <v>3</v>
      </c>
      <c r="B15" s="299"/>
      <c r="C15" s="300"/>
      <c r="D15" s="300"/>
      <c r="E15" s="300"/>
      <c r="F15" s="301"/>
      <c r="G15" s="299"/>
      <c r="H15" s="300"/>
      <c r="I15" s="300"/>
      <c r="J15" s="300"/>
      <c r="K15" s="301"/>
      <c r="L15" s="313"/>
      <c r="M15" s="314"/>
      <c r="N15" s="314"/>
      <c r="O15" s="314"/>
      <c r="P15" s="314" t="s">
        <v>32</v>
      </c>
      <c r="Q15" s="314"/>
      <c r="R15" s="314"/>
      <c r="S15" s="314"/>
      <c r="T15" s="314"/>
      <c r="U15" s="317"/>
      <c r="V15" s="313"/>
      <c r="W15" s="314"/>
      <c r="X15" s="314"/>
      <c r="Y15" s="314"/>
      <c r="Z15" s="314" t="s">
        <v>32</v>
      </c>
      <c r="AA15" s="314"/>
      <c r="AB15" s="314"/>
      <c r="AC15" s="314"/>
      <c r="AD15" s="314"/>
      <c r="AE15" s="324"/>
      <c r="AF15" s="326"/>
      <c r="AG15" s="306"/>
      <c r="AH15" s="306"/>
      <c r="AI15" s="306"/>
      <c r="AJ15" s="306"/>
      <c r="AK15" s="306"/>
      <c r="AL15" s="470"/>
      <c r="AM15" s="342"/>
      <c r="AN15" s="333"/>
      <c r="AO15" s="333"/>
      <c r="AP15" s="333"/>
      <c r="AQ15" s="334"/>
      <c r="AR15" s="23"/>
      <c r="AS15" s="24"/>
      <c r="AT15" s="24"/>
      <c r="AU15" s="24"/>
      <c r="AV15" s="24"/>
      <c r="AW15" s="25"/>
      <c r="AX15" s="23"/>
      <c r="AY15" s="24"/>
      <c r="AZ15" s="24"/>
      <c r="BA15" s="24"/>
      <c r="BB15" s="24"/>
      <c r="BC15" s="24"/>
      <c r="BD15" s="575" t="s">
        <v>67</v>
      </c>
      <c r="BE15" s="576"/>
      <c r="BF15" s="576"/>
      <c r="BG15" s="576" t="s">
        <v>78</v>
      </c>
      <c r="BH15" s="576"/>
      <c r="BI15" s="579"/>
      <c r="BJ15" s="110"/>
      <c r="BK15" s="111"/>
      <c r="BL15" s="111"/>
      <c r="BM15" s="111"/>
      <c r="BN15" s="111"/>
      <c r="BO15" s="24"/>
      <c r="BP15" s="24"/>
      <c r="BQ15" s="24"/>
      <c r="BR15" s="24"/>
      <c r="BS15" s="24"/>
      <c r="BT15" s="24"/>
      <c r="BU15" s="24"/>
      <c r="BV15" s="24"/>
      <c r="BW15" s="25"/>
    </row>
    <row r="16" spans="1:75" ht="12" customHeight="1">
      <c r="A16" s="298"/>
      <c r="B16" s="302"/>
      <c r="C16" s="303"/>
      <c r="D16" s="303"/>
      <c r="E16" s="303"/>
      <c r="F16" s="304"/>
      <c r="G16" s="302"/>
      <c r="H16" s="303"/>
      <c r="I16" s="303"/>
      <c r="J16" s="303"/>
      <c r="K16" s="304"/>
      <c r="L16" s="315"/>
      <c r="M16" s="316"/>
      <c r="N16" s="316"/>
      <c r="O16" s="316"/>
      <c r="P16" s="316"/>
      <c r="Q16" s="316"/>
      <c r="R16" s="316"/>
      <c r="S16" s="316"/>
      <c r="T16" s="316"/>
      <c r="U16" s="318"/>
      <c r="V16" s="315"/>
      <c r="W16" s="316"/>
      <c r="X16" s="316"/>
      <c r="Y16" s="316"/>
      <c r="Z16" s="316"/>
      <c r="AA16" s="316"/>
      <c r="AB16" s="316"/>
      <c r="AC16" s="316"/>
      <c r="AD16" s="316"/>
      <c r="AE16" s="325"/>
      <c r="AF16" s="328"/>
      <c r="AG16" s="309"/>
      <c r="AH16" s="309"/>
      <c r="AI16" s="309"/>
      <c r="AJ16" s="309"/>
      <c r="AK16" s="309"/>
      <c r="AL16" s="574"/>
      <c r="AM16" s="343"/>
      <c r="AN16" s="336"/>
      <c r="AO16" s="336"/>
      <c r="AP16" s="336"/>
      <c r="AQ16" s="337"/>
      <c r="AR16" s="28"/>
      <c r="AS16" s="29"/>
      <c r="AT16" s="29"/>
      <c r="AU16" s="29"/>
      <c r="AV16" s="29"/>
      <c r="AW16" s="30"/>
      <c r="AX16" s="28"/>
      <c r="AY16" s="29"/>
      <c r="AZ16" s="29"/>
      <c r="BA16" s="29"/>
      <c r="BB16" s="29"/>
      <c r="BC16" s="29"/>
      <c r="BD16" s="577"/>
      <c r="BE16" s="578"/>
      <c r="BF16" s="578"/>
      <c r="BG16" s="578"/>
      <c r="BH16" s="578"/>
      <c r="BI16" s="580"/>
      <c r="BJ16" s="112"/>
      <c r="BK16" s="113"/>
      <c r="BL16" s="113"/>
      <c r="BM16" s="113"/>
      <c r="BN16" s="113"/>
      <c r="BO16" s="29"/>
      <c r="BP16" s="29"/>
      <c r="BQ16" s="29"/>
      <c r="BR16" s="29"/>
      <c r="BS16" s="29"/>
      <c r="BT16" s="29"/>
      <c r="BU16" s="29"/>
      <c r="BV16" s="29"/>
      <c r="BW16" s="30"/>
    </row>
    <row r="17" spans="1:75" ht="12" customHeight="1">
      <c r="A17" s="298">
        <v>4</v>
      </c>
      <c r="B17" s="299"/>
      <c r="C17" s="300"/>
      <c r="D17" s="300"/>
      <c r="E17" s="300"/>
      <c r="F17" s="301"/>
      <c r="G17" s="299"/>
      <c r="H17" s="300"/>
      <c r="I17" s="300"/>
      <c r="J17" s="300"/>
      <c r="K17" s="301"/>
      <c r="L17" s="313"/>
      <c r="M17" s="314"/>
      <c r="N17" s="314"/>
      <c r="O17" s="314"/>
      <c r="P17" s="314" t="s">
        <v>32</v>
      </c>
      <c r="Q17" s="314"/>
      <c r="R17" s="314"/>
      <c r="S17" s="314"/>
      <c r="T17" s="314"/>
      <c r="U17" s="317"/>
      <c r="V17" s="313"/>
      <c r="W17" s="314"/>
      <c r="X17" s="314"/>
      <c r="Y17" s="314"/>
      <c r="Z17" s="314" t="s">
        <v>32</v>
      </c>
      <c r="AA17" s="314"/>
      <c r="AB17" s="314"/>
      <c r="AC17" s="314"/>
      <c r="AD17" s="314"/>
      <c r="AE17" s="324"/>
      <c r="AF17" s="326"/>
      <c r="AG17" s="306"/>
      <c r="AH17" s="306"/>
      <c r="AI17" s="306"/>
      <c r="AJ17" s="306"/>
      <c r="AK17" s="306"/>
      <c r="AL17" s="470"/>
      <c r="AM17" s="342"/>
      <c r="AN17" s="333"/>
      <c r="AO17" s="333"/>
      <c r="AP17" s="333"/>
      <c r="AQ17" s="334"/>
      <c r="AR17" s="23"/>
      <c r="AS17" s="24"/>
      <c r="AT17" s="24"/>
      <c r="AU17" s="24"/>
      <c r="AV17" s="24"/>
      <c r="AW17" s="25"/>
      <c r="AX17" s="23"/>
      <c r="AY17" s="24"/>
      <c r="AZ17" s="24"/>
      <c r="BA17" s="24"/>
      <c r="BB17" s="24"/>
      <c r="BC17" s="24"/>
      <c r="BD17" s="575" t="s">
        <v>67</v>
      </c>
      <c r="BE17" s="576"/>
      <c r="BF17" s="576"/>
      <c r="BG17" s="576" t="s">
        <v>78</v>
      </c>
      <c r="BH17" s="576"/>
      <c r="BI17" s="579"/>
      <c r="BJ17" s="110"/>
      <c r="BK17" s="111"/>
      <c r="BL17" s="111"/>
      <c r="BM17" s="111"/>
      <c r="BN17" s="111"/>
      <c r="BO17" s="24"/>
      <c r="BP17" s="24"/>
      <c r="BQ17" s="24"/>
      <c r="BR17" s="24"/>
      <c r="BS17" s="24"/>
      <c r="BT17" s="24"/>
      <c r="BU17" s="24"/>
      <c r="BV17" s="24"/>
      <c r="BW17" s="25"/>
    </row>
    <row r="18" spans="1:75" ht="12" customHeight="1">
      <c r="A18" s="298"/>
      <c r="B18" s="302"/>
      <c r="C18" s="303"/>
      <c r="D18" s="303"/>
      <c r="E18" s="303"/>
      <c r="F18" s="304"/>
      <c r="G18" s="302"/>
      <c r="H18" s="303"/>
      <c r="I18" s="303"/>
      <c r="J18" s="303"/>
      <c r="K18" s="304"/>
      <c r="L18" s="315"/>
      <c r="M18" s="316"/>
      <c r="N18" s="316"/>
      <c r="O18" s="316"/>
      <c r="P18" s="316"/>
      <c r="Q18" s="316"/>
      <c r="R18" s="316"/>
      <c r="S18" s="316"/>
      <c r="T18" s="316"/>
      <c r="U18" s="318"/>
      <c r="V18" s="315"/>
      <c r="W18" s="316"/>
      <c r="X18" s="316"/>
      <c r="Y18" s="316"/>
      <c r="Z18" s="316"/>
      <c r="AA18" s="316"/>
      <c r="AB18" s="316"/>
      <c r="AC18" s="316"/>
      <c r="AD18" s="316"/>
      <c r="AE18" s="325"/>
      <c r="AF18" s="328"/>
      <c r="AG18" s="309"/>
      <c r="AH18" s="309"/>
      <c r="AI18" s="309"/>
      <c r="AJ18" s="309"/>
      <c r="AK18" s="309"/>
      <c r="AL18" s="574"/>
      <c r="AM18" s="343"/>
      <c r="AN18" s="336"/>
      <c r="AO18" s="336"/>
      <c r="AP18" s="336"/>
      <c r="AQ18" s="337"/>
      <c r="AR18" s="28"/>
      <c r="AS18" s="29"/>
      <c r="AT18" s="29"/>
      <c r="AU18" s="29"/>
      <c r="AV18" s="29"/>
      <c r="AW18" s="30"/>
      <c r="AX18" s="28"/>
      <c r="AY18" s="29"/>
      <c r="AZ18" s="29"/>
      <c r="BA18" s="29"/>
      <c r="BB18" s="29"/>
      <c r="BC18" s="29"/>
      <c r="BD18" s="577"/>
      <c r="BE18" s="578"/>
      <c r="BF18" s="578"/>
      <c r="BG18" s="578"/>
      <c r="BH18" s="578"/>
      <c r="BI18" s="580"/>
      <c r="BJ18" s="112"/>
      <c r="BK18" s="113"/>
      <c r="BL18" s="113"/>
      <c r="BM18" s="113"/>
      <c r="BN18" s="113"/>
      <c r="BO18" s="29"/>
      <c r="BP18" s="29"/>
      <c r="BQ18" s="29"/>
      <c r="BR18" s="29"/>
      <c r="BS18" s="29"/>
      <c r="BT18" s="29"/>
      <c r="BU18" s="29"/>
      <c r="BV18" s="29"/>
      <c r="BW18" s="30"/>
    </row>
    <row r="19" spans="1:75" ht="12" customHeight="1">
      <c r="A19" s="298">
        <v>5</v>
      </c>
      <c r="B19" s="299"/>
      <c r="C19" s="300"/>
      <c r="D19" s="300"/>
      <c r="E19" s="300"/>
      <c r="F19" s="301"/>
      <c r="G19" s="299"/>
      <c r="H19" s="300"/>
      <c r="I19" s="300"/>
      <c r="J19" s="300"/>
      <c r="K19" s="301"/>
      <c r="L19" s="313"/>
      <c r="M19" s="314"/>
      <c r="N19" s="314"/>
      <c r="O19" s="314"/>
      <c r="P19" s="314" t="s">
        <v>32</v>
      </c>
      <c r="Q19" s="314"/>
      <c r="R19" s="314"/>
      <c r="S19" s="314"/>
      <c r="T19" s="314"/>
      <c r="U19" s="317"/>
      <c r="V19" s="313"/>
      <c r="W19" s="314"/>
      <c r="X19" s="314"/>
      <c r="Y19" s="314"/>
      <c r="Z19" s="314" t="s">
        <v>32</v>
      </c>
      <c r="AA19" s="314"/>
      <c r="AB19" s="314"/>
      <c r="AC19" s="314"/>
      <c r="AD19" s="314"/>
      <c r="AE19" s="324"/>
      <c r="AF19" s="326"/>
      <c r="AG19" s="306"/>
      <c r="AH19" s="306"/>
      <c r="AI19" s="306"/>
      <c r="AJ19" s="306"/>
      <c r="AK19" s="306"/>
      <c r="AL19" s="470"/>
      <c r="AM19" s="342"/>
      <c r="AN19" s="333"/>
      <c r="AO19" s="333"/>
      <c r="AP19" s="333"/>
      <c r="AQ19" s="334"/>
      <c r="AR19" s="23"/>
      <c r="AS19" s="24"/>
      <c r="AT19" s="24"/>
      <c r="AU19" s="24"/>
      <c r="AV19" s="24"/>
      <c r="AW19" s="25"/>
      <c r="AX19" s="23"/>
      <c r="AY19" s="24"/>
      <c r="AZ19" s="24"/>
      <c r="BA19" s="24"/>
      <c r="BB19" s="24"/>
      <c r="BC19" s="24"/>
      <c r="BD19" s="575" t="s">
        <v>67</v>
      </c>
      <c r="BE19" s="576"/>
      <c r="BF19" s="576"/>
      <c r="BG19" s="576" t="s">
        <v>78</v>
      </c>
      <c r="BH19" s="576"/>
      <c r="BI19" s="579"/>
      <c r="BJ19" s="110"/>
      <c r="BK19" s="111"/>
      <c r="BL19" s="111"/>
      <c r="BM19" s="111"/>
      <c r="BN19" s="111"/>
      <c r="BO19" s="24"/>
      <c r="BP19" s="24"/>
      <c r="BQ19" s="24"/>
      <c r="BR19" s="24"/>
      <c r="BS19" s="24"/>
      <c r="BT19" s="24"/>
      <c r="BU19" s="24"/>
      <c r="BV19" s="24"/>
      <c r="BW19" s="25"/>
    </row>
    <row r="20" spans="1:75" ht="12" customHeight="1">
      <c r="A20" s="298"/>
      <c r="B20" s="302"/>
      <c r="C20" s="303"/>
      <c r="D20" s="303"/>
      <c r="E20" s="303"/>
      <c r="F20" s="304"/>
      <c r="G20" s="302"/>
      <c r="H20" s="303"/>
      <c r="I20" s="303"/>
      <c r="J20" s="303"/>
      <c r="K20" s="304"/>
      <c r="L20" s="315"/>
      <c r="M20" s="316"/>
      <c r="N20" s="316"/>
      <c r="O20" s="316"/>
      <c r="P20" s="316"/>
      <c r="Q20" s="316"/>
      <c r="R20" s="316"/>
      <c r="S20" s="316"/>
      <c r="T20" s="316"/>
      <c r="U20" s="318"/>
      <c r="V20" s="315"/>
      <c r="W20" s="316"/>
      <c r="X20" s="316"/>
      <c r="Y20" s="316"/>
      <c r="Z20" s="316"/>
      <c r="AA20" s="316"/>
      <c r="AB20" s="316"/>
      <c r="AC20" s="316"/>
      <c r="AD20" s="316"/>
      <c r="AE20" s="325"/>
      <c r="AF20" s="328"/>
      <c r="AG20" s="309"/>
      <c r="AH20" s="309"/>
      <c r="AI20" s="309"/>
      <c r="AJ20" s="309"/>
      <c r="AK20" s="309"/>
      <c r="AL20" s="574"/>
      <c r="AM20" s="343"/>
      <c r="AN20" s="336"/>
      <c r="AO20" s="336"/>
      <c r="AP20" s="336"/>
      <c r="AQ20" s="337"/>
      <c r="AR20" s="28"/>
      <c r="AS20" s="29"/>
      <c r="AT20" s="29"/>
      <c r="AU20" s="29"/>
      <c r="AV20" s="29"/>
      <c r="AW20" s="30"/>
      <c r="AX20" s="28"/>
      <c r="AY20" s="29"/>
      <c r="AZ20" s="29"/>
      <c r="BA20" s="29"/>
      <c r="BB20" s="29"/>
      <c r="BC20" s="29"/>
      <c r="BD20" s="577"/>
      <c r="BE20" s="578"/>
      <c r="BF20" s="578"/>
      <c r="BG20" s="578"/>
      <c r="BH20" s="578"/>
      <c r="BI20" s="580"/>
      <c r="BJ20" s="112"/>
      <c r="BK20" s="113"/>
      <c r="BL20" s="113"/>
      <c r="BM20" s="113"/>
      <c r="BN20" s="113"/>
      <c r="BO20" s="29"/>
      <c r="BP20" s="29"/>
      <c r="BQ20" s="29"/>
      <c r="BR20" s="29"/>
      <c r="BS20" s="29"/>
      <c r="BT20" s="29"/>
      <c r="BU20" s="29"/>
      <c r="BV20" s="29"/>
      <c r="BW20" s="30"/>
    </row>
    <row r="21" spans="1:75" ht="12" customHeight="1">
      <c r="A21" s="298">
        <v>6</v>
      </c>
      <c r="B21" s="299"/>
      <c r="C21" s="300"/>
      <c r="D21" s="300"/>
      <c r="E21" s="300"/>
      <c r="F21" s="301"/>
      <c r="G21" s="299"/>
      <c r="H21" s="300"/>
      <c r="I21" s="300"/>
      <c r="J21" s="300"/>
      <c r="K21" s="301"/>
      <c r="L21" s="313"/>
      <c r="M21" s="314"/>
      <c r="N21" s="314"/>
      <c r="O21" s="314"/>
      <c r="P21" s="314" t="s">
        <v>32</v>
      </c>
      <c r="Q21" s="314"/>
      <c r="R21" s="314"/>
      <c r="S21" s="314"/>
      <c r="T21" s="314"/>
      <c r="U21" s="317"/>
      <c r="V21" s="313"/>
      <c r="W21" s="314"/>
      <c r="X21" s="314"/>
      <c r="Y21" s="314"/>
      <c r="Z21" s="314" t="s">
        <v>32</v>
      </c>
      <c r="AA21" s="314"/>
      <c r="AB21" s="314"/>
      <c r="AC21" s="314"/>
      <c r="AD21" s="314"/>
      <c r="AE21" s="324"/>
      <c r="AF21" s="326"/>
      <c r="AG21" s="306"/>
      <c r="AH21" s="306"/>
      <c r="AI21" s="306"/>
      <c r="AJ21" s="306"/>
      <c r="AK21" s="306"/>
      <c r="AL21" s="470"/>
      <c r="AM21" s="342"/>
      <c r="AN21" s="333"/>
      <c r="AO21" s="333"/>
      <c r="AP21" s="333"/>
      <c r="AQ21" s="334"/>
      <c r="AR21" s="23"/>
      <c r="AS21" s="24"/>
      <c r="AT21" s="24"/>
      <c r="AU21" s="24"/>
      <c r="AV21" s="24"/>
      <c r="AW21" s="25"/>
      <c r="AX21" s="23"/>
      <c r="AY21" s="24"/>
      <c r="AZ21" s="24"/>
      <c r="BA21" s="24"/>
      <c r="BB21" s="24"/>
      <c r="BC21" s="24"/>
      <c r="BD21" s="575" t="s">
        <v>67</v>
      </c>
      <c r="BE21" s="576"/>
      <c r="BF21" s="576"/>
      <c r="BG21" s="576" t="s">
        <v>78</v>
      </c>
      <c r="BH21" s="576"/>
      <c r="BI21" s="579"/>
      <c r="BJ21" s="110"/>
      <c r="BK21" s="111"/>
      <c r="BL21" s="111"/>
      <c r="BM21" s="111"/>
      <c r="BN21" s="111"/>
      <c r="BO21" s="24"/>
      <c r="BP21" s="24"/>
      <c r="BQ21" s="24"/>
      <c r="BR21" s="24"/>
      <c r="BS21" s="24"/>
      <c r="BT21" s="24"/>
      <c r="BU21" s="24"/>
      <c r="BV21" s="24"/>
      <c r="BW21" s="25"/>
    </row>
    <row r="22" spans="1:75" ht="12" customHeight="1">
      <c r="A22" s="298"/>
      <c r="B22" s="302"/>
      <c r="C22" s="303"/>
      <c r="D22" s="303"/>
      <c r="E22" s="303"/>
      <c r="F22" s="304"/>
      <c r="G22" s="302"/>
      <c r="H22" s="303"/>
      <c r="I22" s="303"/>
      <c r="J22" s="303"/>
      <c r="K22" s="304"/>
      <c r="L22" s="315"/>
      <c r="M22" s="316"/>
      <c r="N22" s="316"/>
      <c r="O22" s="316"/>
      <c r="P22" s="316"/>
      <c r="Q22" s="316"/>
      <c r="R22" s="316"/>
      <c r="S22" s="316"/>
      <c r="T22" s="316"/>
      <c r="U22" s="318"/>
      <c r="V22" s="315"/>
      <c r="W22" s="316"/>
      <c r="X22" s="316"/>
      <c r="Y22" s="316"/>
      <c r="Z22" s="316"/>
      <c r="AA22" s="316"/>
      <c r="AB22" s="316"/>
      <c r="AC22" s="316"/>
      <c r="AD22" s="316"/>
      <c r="AE22" s="325"/>
      <c r="AF22" s="328"/>
      <c r="AG22" s="309"/>
      <c r="AH22" s="309"/>
      <c r="AI22" s="309"/>
      <c r="AJ22" s="309"/>
      <c r="AK22" s="309"/>
      <c r="AL22" s="574"/>
      <c r="AM22" s="343"/>
      <c r="AN22" s="336"/>
      <c r="AO22" s="336"/>
      <c r="AP22" s="336"/>
      <c r="AQ22" s="337"/>
      <c r="AR22" s="28"/>
      <c r="AS22" s="29"/>
      <c r="AT22" s="29"/>
      <c r="AU22" s="29"/>
      <c r="AV22" s="29"/>
      <c r="AW22" s="30"/>
      <c r="AX22" s="28"/>
      <c r="AY22" s="29"/>
      <c r="AZ22" s="29"/>
      <c r="BA22" s="29"/>
      <c r="BB22" s="29"/>
      <c r="BC22" s="29"/>
      <c r="BD22" s="577"/>
      <c r="BE22" s="578"/>
      <c r="BF22" s="578"/>
      <c r="BG22" s="578"/>
      <c r="BH22" s="578"/>
      <c r="BI22" s="580"/>
      <c r="BJ22" s="112"/>
      <c r="BK22" s="113"/>
      <c r="BL22" s="113"/>
      <c r="BM22" s="113"/>
      <c r="BN22" s="113"/>
      <c r="BO22" s="29"/>
      <c r="BP22" s="29"/>
      <c r="BQ22" s="29"/>
      <c r="BR22" s="29"/>
      <c r="BS22" s="29"/>
      <c r="BT22" s="29"/>
      <c r="BU22" s="29"/>
      <c r="BV22" s="29"/>
      <c r="BW22" s="30"/>
    </row>
    <row r="23" spans="1:75" ht="12" customHeight="1">
      <c r="A23" s="298">
        <v>7</v>
      </c>
      <c r="B23" s="299"/>
      <c r="C23" s="300"/>
      <c r="D23" s="300"/>
      <c r="E23" s="300"/>
      <c r="F23" s="301"/>
      <c r="G23" s="299"/>
      <c r="H23" s="300"/>
      <c r="I23" s="300"/>
      <c r="J23" s="300"/>
      <c r="K23" s="301"/>
      <c r="L23" s="313"/>
      <c r="M23" s="314"/>
      <c r="N23" s="314"/>
      <c r="O23" s="314"/>
      <c r="P23" s="314" t="s">
        <v>32</v>
      </c>
      <c r="Q23" s="314"/>
      <c r="R23" s="314"/>
      <c r="S23" s="314"/>
      <c r="T23" s="314"/>
      <c r="U23" s="317"/>
      <c r="V23" s="313"/>
      <c r="W23" s="314"/>
      <c r="X23" s="314"/>
      <c r="Y23" s="314"/>
      <c r="Z23" s="314" t="s">
        <v>32</v>
      </c>
      <c r="AA23" s="314"/>
      <c r="AB23" s="314"/>
      <c r="AC23" s="314"/>
      <c r="AD23" s="314"/>
      <c r="AE23" s="324"/>
      <c r="AF23" s="326"/>
      <c r="AG23" s="306"/>
      <c r="AH23" s="306"/>
      <c r="AI23" s="306"/>
      <c r="AJ23" s="306"/>
      <c r="AK23" s="306"/>
      <c r="AL23" s="470"/>
      <c r="AM23" s="342"/>
      <c r="AN23" s="333"/>
      <c r="AO23" s="333"/>
      <c r="AP23" s="333"/>
      <c r="AQ23" s="334"/>
      <c r="AR23" s="23"/>
      <c r="AS23" s="24"/>
      <c r="AT23" s="24"/>
      <c r="AU23" s="24"/>
      <c r="AV23" s="24"/>
      <c r="AW23" s="25"/>
      <c r="AX23" s="23"/>
      <c r="AY23" s="24"/>
      <c r="AZ23" s="24"/>
      <c r="BA23" s="24"/>
      <c r="BB23" s="24"/>
      <c r="BC23" s="24"/>
      <c r="BD23" s="575" t="s">
        <v>67</v>
      </c>
      <c r="BE23" s="576"/>
      <c r="BF23" s="576"/>
      <c r="BG23" s="576" t="s">
        <v>78</v>
      </c>
      <c r="BH23" s="576"/>
      <c r="BI23" s="579"/>
      <c r="BJ23" s="110"/>
      <c r="BK23" s="111"/>
      <c r="BL23" s="111"/>
      <c r="BM23" s="111"/>
      <c r="BN23" s="111"/>
      <c r="BO23" s="24"/>
      <c r="BP23" s="24"/>
      <c r="BQ23" s="24"/>
      <c r="BR23" s="24"/>
      <c r="BS23" s="24"/>
      <c r="BT23" s="24"/>
      <c r="BU23" s="24"/>
      <c r="BV23" s="24"/>
      <c r="BW23" s="25"/>
    </row>
    <row r="24" spans="1:75" ht="12" customHeight="1">
      <c r="A24" s="298"/>
      <c r="B24" s="302"/>
      <c r="C24" s="303"/>
      <c r="D24" s="303"/>
      <c r="E24" s="303"/>
      <c r="F24" s="304"/>
      <c r="G24" s="302"/>
      <c r="H24" s="303"/>
      <c r="I24" s="303"/>
      <c r="J24" s="303"/>
      <c r="K24" s="304"/>
      <c r="L24" s="315"/>
      <c r="M24" s="316"/>
      <c r="N24" s="316"/>
      <c r="O24" s="316"/>
      <c r="P24" s="316"/>
      <c r="Q24" s="316"/>
      <c r="R24" s="316"/>
      <c r="S24" s="316"/>
      <c r="T24" s="316"/>
      <c r="U24" s="318"/>
      <c r="V24" s="315"/>
      <c r="W24" s="316"/>
      <c r="X24" s="316"/>
      <c r="Y24" s="316"/>
      <c r="Z24" s="316"/>
      <c r="AA24" s="316"/>
      <c r="AB24" s="316"/>
      <c r="AC24" s="316"/>
      <c r="AD24" s="316"/>
      <c r="AE24" s="325"/>
      <c r="AF24" s="328"/>
      <c r="AG24" s="309"/>
      <c r="AH24" s="309"/>
      <c r="AI24" s="309"/>
      <c r="AJ24" s="309"/>
      <c r="AK24" s="309"/>
      <c r="AL24" s="574"/>
      <c r="AM24" s="343"/>
      <c r="AN24" s="336"/>
      <c r="AO24" s="336"/>
      <c r="AP24" s="336"/>
      <c r="AQ24" s="337"/>
      <c r="AR24" s="28"/>
      <c r="AS24" s="29"/>
      <c r="AT24" s="29"/>
      <c r="AU24" s="29"/>
      <c r="AV24" s="29"/>
      <c r="AW24" s="30"/>
      <c r="AX24" s="28"/>
      <c r="AY24" s="29"/>
      <c r="AZ24" s="29"/>
      <c r="BA24" s="29"/>
      <c r="BB24" s="29"/>
      <c r="BC24" s="29"/>
      <c r="BD24" s="577"/>
      <c r="BE24" s="578"/>
      <c r="BF24" s="578"/>
      <c r="BG24" s="578"/>
      <c r="BH24" s="578"/>
      <c r="BI24" s="580"/>
      <c r="BJ24" s="112"/>
      <c r="BK24" s="113"/>
      <c r="BL24" s="113"/>
      <c r="BM24" s="113"/>
      <c r="BN24" s="113"/>
      <c r="BO24" s="29"/>
      <c r="BP24" s="29"/>
      <c r="BQ24" s="29"/>
      <c r="BR24" s="29"/>
      <c r="BS24" s="29"/>
      <c r="BT24" s="29"/>
      <c r="BU24" s="29"/>
      <c r="BV24" s="29"/>
      <c r="BW24" s="30"/>
    </row>
    <row r="25" spans="1:75" ht="12" customHeight="1">
      <c r="A25" s="298">
        <v>8</v>
      </c>
      <c r="B25" s="299"/>
      <c r="C25" s="300"/>
      <c r="D25" s="300"/>
      <c r="E25" s="300"/>
      <c r="F25" s="301"/>
      <c r="G25" s="299"/>
      <c r="H25" s="300"/>
      <c r="I25" s="300"/>
      <c r="J25" s="300"/>
      <c r="K25" s="301"/>
      <c r="L25" s="313"/>
      <c r="M25" s="314"/>
      <c r="N25" s="314"/>
      <c r="O25" s="314"/>
      <c r="P25" s="314" t="s">
        <v>32</v>
      </c>
      <c r="Q25" s="314"/>
      <c r="R25" s="314"/>
      <c r="S25" s="314"/>
      <c r="T25" s="314"/>
      <c r="U25" s="317"/>
      <c r="V25" s="313"/>
      <c r="W25" s="314"/>
      <c r="X25" s="314"/>
      <c r="Y25" s="314"/>
      <c r="Z25" s="314" t="s">
        <v>32</v>
      </c>
      <c r="AA25" s="314"/>
      <c r="AB25" s="314"/>
      <c r="AC25" s="314"/>
      <c r="AD25" s="314"/>
      <c r="AE25" s="324"/>
      <c r="AF25" s="326"/>
      <c r="AG25" s="306"/>
      <c r="AH25" s="306"/>
      <c r="AI25" s="306"/>
      <c r="AJ25" s="306"/>
      <c r="AK25" s="306"/>
      <c r="AL25" s="470"/>
      <c r="AM25" s="342"/>
      <c r="AN25" s="333"/>
      <c r="AO25" s="333"/>
      <c r="AP25" s="333"/>
      <c r="AQ25" s="334"/>
      <c r="AR25" s="23"/>
      <c r="AS25" s="24"/>
      <c r="AT25" s="24"/>
      <c r="AU25" s="24"/>
      <c r="AV25" s="24"/>
      <c r="AW25" s="25"/>
      <c r="AX25" s="23"/>
      <c r="AY25" s="24"/>
      <c r="AZ25" s="24"/>
      <c r="BA25" s="24"/>
      <c r="BB25" s="24"/>
      <c r="BC25" s="24"/>
      <c r="BD25" s="575" t="s">
        <v>67</v>
      </c>
      <c r="BE25" s="576"/>
      <c r="BF25" s="576"/>
      <c r="BG25" s="576" t="s">
        <v>78</v>
      </c>
      <c r="BH25" s="576"/>
      <c r="BI25" s="579"/>
      <c r="BJ25" s="110"/>
      <c r="BK25" s="111"/>
      <c r="BL25" s="111"/>
      <c r="BM25" s="111"/>
      <c r="BN25" s="111"/>
      <c r="BO25" s="24"/>
      <c r="BP25" s="24"/>
      <c r="BQ25" s="24"/>
      <c r="BR25" s="24"/>
      <c r="BS25" s="24"/>
      <c r="BT25" s="24"/>
      <c r="BU25" s="24"/>
      <c r="BV25" s="24"/>
      <c r="BW25" s="25"/>
    </row>
    <row r="26" spans="1:75" ht="12" customHeight="1">
      <c r="A26" s="298"/>
      <c r="B26" s="302"/>
      <c r="C26" s="303"/>
      <c r="D26" s="303"/>
      <c r="E26" s="303"/>
      <c r="F26" s="304"/>
      <c r="G26" s="302"/>
      <c r="H26" s="303"/>
      <c r="I26" s="303"/>
      <c r="J26" s="303"/>
      <c r="K26" s="304"/>
      <c r="L26" s="315"/>
      <c r="M26" s="316"/>
      <c r="N26" s="316"/>
      <c r="O26" s="316"/>
      <c r="P26" s="316"/>
      <c r="Q26" s="316"/>
      <c r="R26" s="316"/>
      <c r="S26" s="316"/>
      <c r="T26" s="316"/>
      <c r="U26" s="318"/>
      <c r="V26" s="315"/>
      <c r="W26" s="316"/>
      <c r="X26" s="316"/>
      <c r="Y26" s="316"/>
      <c r="Z26" s="316"/>
      <c r="AA26" s="316"/>
      <c r="AB26" s="316"/>
      <c r="AC26" s="316"/>
      <c r="AD26" s="316"/>
      <c r="AE26" s="325"/>
      <c r="AF26" s="328"/>
      <c r="AG26" s="309"/>
      <c r="AH26" s="309"/>
      <c r="AI26" s="309"/>
      <c r="AJ26" s="309"/>
      <c r="AK26" s="309"/>
      <c r="AL26" s="574"/>
      <c r="AM26" s="343"/>
      <c r="AN26" s="336"/>
      <c r="AO26" s="336"/>
      <c r="AP26" s="336"/>
      <c r="AQ26" s="337"/>
      <c r="AR26" s="28"/>
      <c r="AS26" s="29"/>
      <c r="AT26" s="29"/>
      <c r="AU26" s="29"/>
      <c r="AV26" s="29"/>
      <c r="AW26" s="30"/>
      <c r="AX26" s="28"/>
      <c r="AY26" s="29"/>
      <c r="AZ26" s="29"/>
      <c r="BA26" s="29"/>
      <c r="BB26" s="29"/>
      <c r="BC26" s="29"/>
      <c r="BD26" s="577"/>
      <c r="BE26" s="578"/>
      <c r="BF26" s="578"/>
      <c r="BG26" s="578"/>
      <c r="BH26" s="578"/>
      <c r="BI26" s="580"/>
      <c r="BJ26" s="112"/>
      <c r="BK26" s="113"/>
      <c r="BL26" s="113"/>
      <c r="BM26" s="113"/>
      <c r="BN26" s="113"/>
      <c r="BO26" s="29"/>
      <c r="BP26" s="29"/>
      <c r="BQ26" s="29"/>
      <c r="BR26" s="29"/>
      <c r="BS26" s="29"/>
      <c r="BT26" s="29"/>
      <c r="BU26" s="29"/>
      <c r="BV26" s="29"/>
      <c r="BW26" s="30"/>
    </row>
    <row r="27" spans="1:75" ht="12" customHeight="1">
      <c r="A27" s="298">
        <v>9</v>
      </c>
      <c r="B27" s="299"/>
      <c r="C27" s="300"/>
      <c r="D27" s="300"/>
      <c r="E27" s="300"/>
      <c r="F27" s="301"/>
      <c r="G27" s="299"/>
      <c r="H27" s="300"/>
      <c r="I27" s="300"/>
      <c r="J27" s="300"/>
      <c r="K27" s="301"/>
      <c r="L27" s="313"/>
      <c r="M27" s="314"/>
      <c r="N27" s="314"/>
      <c r="O27" s="314"/>
      <c r="P27" s="314" t="s">
        <v>32</v>
      </c>
      <c r="Q27" s="314"/>
      <c r="R27" s="314"/>
      <c r="S27" s="314"/>
      <c r="T27" s="314"/>
      <c r="U27" s="317"/>
      <c r="V27" s="313"/>
      <c r="W27" s="314"/>
      <c r="X27" s="314"/>
      <c r="Y27" s="314"/>
      <c r="Z27" s="314" t="s">
        <v>32</v>
      </c>
      <c r="AA27" s="314"/>
      <c r="AB27" s="314"/>
      <c r="AC27" s="314"/>
      <c r="AD27" s="314"/>
      <c r="AE27" s="324"/>
      <c r="AF27" s="326"/>
      <c r="AG27" s="306"/>
      <c r="AH27" s="306"/>
      <c r="AI27" s="306"/>
      <c r="AJ27" s="306"/>
      <c r="AK27" s="306"/>
      <c r="AL27" s="470"/>
      <c r="AM27" s="342"/>
      <c r="AN27" s="333"/>
      <c r="AO27" s="333"/>
      <c r="AP27" s="333"/>
      <c r="AQ27" s="334"/>
      <c r="AR27" s="23"/>
      <c r="AS27" s="24"/>
      <c r="AT27" s="24"/>
      <c r="AU27" s="24"/>
      <c r="AV27" s="24"/>
      <c r="AW27" s="25"/>
      <c r="AX27" s="23"/>
      <c r="AY27" s="24"/>
      <c r="AZ27" s="24"/>
      <c r="BA27" s="24"/>
      <c r="BB27" s="24"/>
      <c r="BC27" s="24"/>
      <c r="BD27" s="575" t="s">
        <v>67</v>
      </c>
      <c r="BE27" s="576"/>
      <c r="BF27" s="576"/>
      <c r="BG27" s="576" t="s">
        <v>78</v>
      </c>
      <c r="BH27" s="576"/>
      <c r="BI27" s="579"/>
      <c r="BJ27" s="110"/>
      <c r="BK27" s="111"/>
      <c r="BL27" s="111"/>
      <c r="BM27" s="111"/>
      <c r="BN27" s="111"/>
      <c r="BO27" s="24"/>
      <c r="BP27" s="24"/>
      <c r="BQ27" s="24"/>
      <c r="BR27" s="24"/>
      <c r="BS27" s="24"/>
      <c r="BT27" s="24"/>
      <c r="BU27" s="24"/>
      <c r="BV27" s="24"/>
      <c r="BW27" s="25"/>
    </row>
    <row r="28" spans="1:75" ht="12" customHeight="1">
      <c r="A28" s="298"/>
      <c r="B28" s="302"/>
      <c r="C28" s="303"/>
      <c r="D28" s="303"/>
      <c r="E28" s="303"/>
      <c r="F28" s="304"/>
      <c r="G28" s="302"/>
      <c r="H28" s="303"/>
      <c r="I28" s="303"/>
      <c r="J28" s="303"/>
      <c r="K28" s="304"/>
      <c r="L28" s="315"/>
      <c r="M28" s="316"/>
      <c r="N28" s="316"/>
      <c r="O28" s="316"/>
      <c r="P28" s="316"/>
      <c r="Q28" s="316"/>
      <c r="R28" s="316"/>
      <c r="S28" s="316"/>
      <c r="T28" s="316"/>
      <c r="U28" s="318"/>
      <c r="V28" s="315"/>
      <c r="W28" s="316"/>
      <c r="X28" s="316"/>
      <c r="Y28" s="316"/>
      <c r="Z28" s="316"/>
      <c r="AA28" s="316"/>
      <c r="AB28" s="316"/>
      <c r="AC28" s="316"/>
      <c r="AD28" s="316"/>
      <c r="AE28" s="325"/>
      <c r="AF28" s="328"/>
      <c r="AG28" s="309"/>
      <c r="AH28" s="309"/>
      <c r="AI28" s="309"/>
      <c r="AJ28" s="309"/>
      <c r="AK28" s="309"/>
      <c r="AL28" s="574"/>
      <c r="AM28" s="343"/>
      <c r="AN28" s="336"/>
      <c r="AO28" s="336"/>
      <c r="AP28" s="336"/>
      <c r="AQ28" s="337"/>
      <c r="AR28" s="28"/>
      <c r="AS28" s="29"/>
      <c r="AT28" s="29"/>
      <c r="AU28" s="29"/>
      <c r="AV28" s="29"/>
      <c r="AW28" s="30"/>
      <c r="AX28" s="28"/>
      <c r="AY28" s="29"/>
      <c r="AZ28" s="29"/>
      <c r="BA28" s="29"/>
      <c r="BB28" s="29"/>
      <c r="BC28" s="29"/>
      <c r="BD28" s="577"/>
      <c r="BE28" s="578"/>
      <c r="BF28" s="578"/>
      <c r="BG28" s="578"/>
      <c r="BH28" s="578"/>
      <c r="BI28" s="580"/>
      <c r="BJ28" s="112"/>
      <c r="BK28" s="113"/>
      <c r="BL28" s="113"/>
      <c r="BM28" s="113"/>
      <c r="BN28" s="113"/>
      <c r="BO28" s="29"/>
      <c r="BP28" s="29"/>
      <c r="BQ28" s="29"/>
      <c r="BR28" s="29"/>
      <c r="BS28" s="29"/>
      <c r="BT28" s="29"/>
      <c r="BU28" s="29"/>
      <c r="BV28" s="29"/>
      <c r="BW28" s="30"/>
    </row>
    <row r="29" spans="1:75" ht="12" customHeight="1">
      <c r="A29" s="298">
        <v>10</v>
      </c>
      <c r="B29" s="299"/>
      <c r="C29" s="300"/>
      <c r="D29" s="300"/>
      <c r="E29" s="300"/>
      <c r="F29" s="301"/>
      <c r="G29" s="299"/>
      <c r="H29" s="300"/>
      <c r="I29" s="300"/>
      <c r="J29" s="300"/>
      <c r="K29" s="301"/>
      <c r="L29" s="313"/>
      <c r="M29" s="314"/>
      <c r="N29" s="314"/>
      <c r="O29" s="314"/>
      <c r="P29" s="314" t="s">
        <v>32</v>
      </c>
      <c r="Q29" s="314"/>
      <c r="R29" s="314"/>
      <c r="S29" s="314"/>
      <c r="T29" s="314"/>
      <c r="U29" s="317"/>
      <c r="V29" s="313"/>
      <c r="W29" s="314"/>
      <c r="X29" s="314"/>
      <c r="Y29" s="314"/>
      <c r="Z29" s="314" t="s">
        <v>32</v>
      </c>
      <c r="AA29" s="314"/>
      <c r="AB29" s="314"/>
      <c r="AC29" s="314"/>
      <c r="AD29" s="314"/>
      <c r="AE29" s="324"/>
      <c r="AF29" s="326"/>
      <c r="AG29" s="306"/>
      <c r="AH29" s="306"/>
      <c r="AI29" s="306"/>
      <c r="AJ29" s="306"/>
      <c r="AK29" s="306"/>
      <c r="AL29" s="470"/>
      <c r="AM29" s="342"/>
      <c r="AN29" s="333"/>
      <c r="AO29" s="333"/>
      <c r="AP29" s="333"/>
      <c r="AQ29" s="334"/>
      <c r="AR29" s="23"/>
      <c r="AS29" s="24"/>
      <c r="AT29" s="24"/>
      <c r="AU29" s="24"/>
      <c r="AV29" s="24"/>
      <c r="AW29" s="25"/>
      <c r="AX29" s="23"/>
      <c r="AY29" s="24"/>
      <c r="AZ29" s="24"/>
      <c r="BA29" s="24"/>
      <c r="BB29" s="24"/>
      <c r="BC29" s="24"/>
      <c r="BD29" s="575" t="s">
        <v>67</v>
      </c>
      <c r="BE29" s="576"/>
      <c r="BF29" s="576"/>
      <c r="BG29" s="576" t="s">
        <v>78</v>
      </c>
      <c r="BH29" s="576"/>
      <c r="BI29" s="579"/>
      <c r="BJ29" s="110"/>
      <c r="BK29" s="111"/>
      <c r="BL29" s="111"/>
      <c r="BM29" s="111"/>
      <c r="BN29" s="111"/>
      <c r="BO29" s="24"/>
      <c r="BP29" s="24"/>
      <c r="BQ29" s="24"/>
      <c r="BR29" s="24"/>
      <c r="BS29" s="24"/>
      <c r="BT29" s="24"/>
      <c r="BU29" s="24"/>
      <c r="BV29" s="24"/>
      <c r="BW29" s="25"/>
    </row>
    <row r="30" spans="1:75" ht="12" customHeight="1">
      <c r="A30" s="298"/>
      <c r="B30" s="302"/>
      <c r="C30" s="303"/>
      <c r="D30" s="303"/>
      <c r="E30" s="303"/>
      <c r="F30" s="304"/>
      <c r="G30" s="302"/>
      <c r="H30" s="303"/>
      <c r="I30" s="303"/>
      <c r="J30" s="303"/>
      <c r="K30" s="304"/>
      <c r="L30" s="315"/>
      <c r="M30" s="316"/>
      <c r="N30" s="316"/>
      <c r="O30" s="316"/>
      <c r="P30" s="316"/>
      <c r="Q30" s="316"/>
      <c r="R30" s="316"/>
      <c r="S30" s="316"/>
      <c r="T30" s="316"/>
      <c r="U30" s="318"/>
      <c r="V30" s="315"/>
      <c r="W30" s="316"/>
      <c r="X30" s="316"/>
      <c r="Y30" s="316"/>
      <c r="Z30" s="316"/>
      <c r="AA30" s="316"/>
      <c r="AB30" s="316"/>
      <c r="AC30" s="316"/>
      <c r="AD30" s="316"/>
      <c r="AE30" s="325"/>
      <c r="AF30" s="328"/>
      <c r="AG30" s="309"/>
      <c r="AH30" s="309"/>
      <c r="AI30" s="309"/>
      <c r="AJ30" s="309"/>
      <c r="AK30" s="309"/>
      <c r="AL30" s="574"/>
      <c r="AM30" s="343"/>
      <c r="AN30" s="336"/>
      <c r="AO30" s="336"/>
      <c r="AP30" s="336"/>
      <c r="AQ30" s="337"/>
      <c r="AR30" s="28"/>
      <c r="AS30" s="29"/>
      <c r="AT30" s="29"/>
      <c r="AU30" s="29"/>
      <c r="AV30" s="29"/>
      <c r="AW30" s="30"/>
      <c r="AX30" s="28"/>
      <c r="AY30" s="29"/>
      <c r="AZ30" s="29"/>
      <c r="BA30" s="29"/>
      <c r="BB30" s="29"/>
      <c r="BC30" s="29"/>
      <c r="BD30" s="577"/>
      <c r="BE30" s="578"/>
      <c r="BF30" s="578"/>
      <c r="BG30" s="578"/>
      <c r="BH30" s="578"/>
      <c r="BI30" s="580"/>
      <c r="BJ30" s="112"/>
      <c r="BK30" s="113"/>
      <c r="BL30" s="113"/>
      <c r="BM30" s="113"/>
      <c r="BN30" s="113"/>
      <c r="BO30" s="29"/>
      <c r="BP30" s="29"/>
      <c r="BQ30" s="29"/>
      <c r="BR30" s="29"/>
      <c r="BS30" s="29"/>
      <c r="BT30" s="29"/>
      <c r="BU30" s="29"/>
      <c r="BV30" s="29"/>
      <c r="BW30" s="30"/>
    </row>
    <row r="31" spans="1:75" ht="12" customHeight="1">
      <c r="A31" s="298">
        <v>11</v>
      </c>
      <c r="B31" s="299"/>
      <c r="C31" s="300"/>
      <c r="D31" s="300"/>
      <c r="E31" s="300"/>
      <c r="F31" s="301"/>
      <c r="G31" s="299"/>
      <c r="H31" s="300"/>
      <c r="I31" s="300"/>
      <c r="J31" s="300"/>
      <c r="K31" s="301"/>
      <c r="L31" s="313"/>
      <c r="M31" s="314"/>
      <c r="N31" s="314"/>
      <c r="O31" s="314"/>
      <c r="P31" s="314" t="s">
        <v>32</v>
      </c>
      <c r="Q31" s="314"/>
      <c r="R31" s="314"/>
      <c r="S31" s="314"/>
      <c r="T31" s="314"/>
      <c r="U31" s="317"/>
      <c r="V31" s="313"/>
      <c r="W31" s="314"/>
      <c r="X31" s="314"/>
      <c r="Y31" s="314"/>
      <c r="Z31" s="314" t="s">
        <v>32</v>
      </c>
      <c r="AA31" s="314"/>
      <c r="AB31" s="314"/>
      <c r="AC31" s="314"/>
      <c r="AD31" s="314"/>
      <c r="AE31" s="324"/>
      <c r="AF31" s="326"/>
      <c r="AG31" s="306"/>
      <c r="AH31" s="306"/>
      <c r="AI31" s="306"/>
      <c r="AJ31" s="306"/>
      <c r="AK31" s="306"/>
      <c r="AL31" s="470"/>
      <c r="AM31" s="342"/>
      <c r="AN31" s="333"/>
      <c r="AO31" s="333"/>
      <c r="AP31" s="333"/>
      <c r="AQ31" s="334"/>
      <c r="AR31" s="23"/>
      <c r="AS31" s="24"/>
      <c r="AT31" s="24"/>
      <c r="AU31" s="24"/>
      <c r="AV31" s="24"/>
      <c r="AW31" s="25"/>
      <c r="AX31" s="23"/>
      <c r="AY31" s="24"/>
      <c r="AZ31" s="24"/>
      <c r="BA31" s="24"/>
      <c r="BB31" s="24"/>
      <c r="BC31" s="24"/>
      <c r="BD31" s="575" t="s">
        <v>67</v>
      </c>
      <c r="BE31" s="576"/>
      <c r="BF31" s="576"/>
      <c r="BG31" s="576" t="s">
        <v>78</v>
      </c>
      <c r="BH31" s="576"/>
      <c r="BI31" s="579"/>
      <c r="BJ31" s="110"/>
      <c r="BK31" s="111"/>
      <c r="BL31" s="111"/>
      <c r="BM31" s="111"/>
      <c r="BN31" s="111"/>
      <c r="BO31" s="24"/>
      <c r="BP31" s="24"/>
      <c r="BQ31" s="24"/>
      <c r="BR31" s="24"/>
      <c r="BS31" s="24"/>
      <c r="BT31" s="24"/>
      <c r="BU31" s="24"/>
      <c r="BV31" s="24"/>
      <c r="BW31" s="25"/>
    </row>
    <row r="32" spans="1:75" ht="12" customHeight="1">
      <c r="A32" s="298"/>
      <c r="B32" s="302"/>
      <c r="C32" s="303"/>
      <c r="D32" s="303"/>
      <c r="E32" s="303"/>
      <c r="F32" s="304"/>
      <c r="G32" s="302"/>
      <c r="H32" s="303"/>
      <c r="I32" s="303"/>
      <c r="J32" s="303"/>
      <c r="K32" s="304"/>
      <c r="L32" s="315"/>
      <c r="M32" s="316"/>
      <c r="N32" s="316"/>
      <c r="O32" s="316"/>
      <c r="P32" s="316"/>
      <c r="Q32" s="316"/>
      <c r="R32" s="316"/>
      <c r="S32" s="316"/>
      <c r="T32" s="316"/>
      <c r="U32" s="318"/>
      <c r="V32" s="315"/>
      <c r="W32" s="316"/>
      <c r="X32" s="316"/>
      <c r="Y32" s="316"/>
      <c r="Z32" s="316"/>
      <c r="AA32" s="316"/>
      <c r="AB32" s="316"/>
      <c r="AC32" s="316"/>
      <c r="AD32" s="316"/>
      <c r="AE32" s="325"/>
      <c r="AF32" s="328"/>
      <c r="AG32" s="309"/>
      <c r="AH32" s="309"/>
      <c r="AI32" s="309"/>
      <c r="AJ32" s="309"/>
      <c r="AK32" s="309"/>
      <c r="AL32" s="574"/>
      <c r="AM32" s="343"/>
      <c r="AN32" s="336"/>
      <c r="AO32" s="336"/>
      <c r="AP32" s="336"/>
      <c r="AQ32" s="337"/>
      <c r="AR32" s="28"/>
      <c r="AS32" s="29"/>
      <c r="AT32" s="29"/>
      <c r="AU32" s="29"/>
      <c r="AV32" s="29"/>
      <c r="AW32" s="30"/>
      <c r="AX32" s="28"/>
      <c r="AY32" s="29"/>
      <c r="AZ32" s="29"/>
      <c r="BA32" s="29"/>
      <c r="BB32" s="29"/>
      <c r="BC32" s="29"/>
      <c r="BD32" s="577"/>
      <c r="BE32" s="578"/>
      <c r="BF32" s="578"/>
      <c r="BG32" s="578"/>
      <c r="BH32" s="578"/>
      <c r="BI32" s="580"/>
      <c r="BJ32" s="112"/>
      <c r="BK32" s="113"/>
      <c r="BL32" s="113"/>
      <c r="BM32" s="113"/>
      <c r="BN32" s="113"/>
      <c r="BO32" s="29"/>
      <c r="BP32" s="29"/>
      <c r="BQ32" s="29"/>
      <c r="BR32" s="29"/>
      <c r="BS32" s="29"/>
      <c r="BT32" s="29"/>
      <c r="BU32" s="29"/>
      <c r="BV32" s="29"/>
      <c r="BW32" s="30"/>
    </row>
    <row r="33" spans="1:75" ht="12" customHeight="1">
      <c r="A33" s="298">
        <v>12</v>
      </c>
      <c r="B33" s="299"/>
      <c r="C33" s="300"/>
      <c r="D33" s="300"/>
      <c r="E33" s="300"/>
      <c r="F33" s="301"/>
      <c r="G33" s="299"/>
      <c r="H33" s="300"/>
      <c r="I33" s="300"/>
      <c r="J33" s="300"/>
      <c r="K33" s="301"/>
      <c r="L33" s="313"/>
      <c r="M33" s="314"/>
      <c r="N33" s="314"/>
      <c r="O33" s="314"/>
      <c r="P33" s="314" t="s">
        <v>32</v>
      </c>
      <c r="Q33" s="314"/>
      <c r="R33" s="314"/>
      <c r="S33" s="314"/>
      <c r="T33" s="314"/>
      <c r="U33" s="317"/>
      <c r="V33" s="313"/>
      <c r="W33" s="314"/>
      <c r="X33" s="314"/>
      <c r="Y33" s="314"/>
      <c r="Z33" s="314" t="s">
        <v>32</v>
      </c>
      <c r="AA33" s="314"/>
      <c r="AB33" s="314"/>
      <c r="AC33" s="314"/>
      <c r="AD33" s="314"/>
      <c r="AE33" s="324"/>
      <c r="AF33" s="326"/>
      <c r="AG33" s="306"/>
      <c r="AH33" s="306"/>
      <c r="AI33" s="306"/>
      <c r="AJ33" s="306"/>
      <c r="AK33" s="306"/>
      <c r="AL33" s="470"/>
      <c r="AM33" s="342"/>
      <c r="AN33" s="333"/>
      <c r="AO33" s="333"/>
      <c r="AP33" s="333"/>
      <c r="AQ33" s="334"/>
      <c r="AR33" s="23"/>
      <c r="AS33" s="24"/>
      <c r="AT33" s="24"/>
      <c r="AU33" s="24"/>
      <c r="AV33" s="24"/>
      <c r="AW33" s="25"/>
      <c r="AX33" s="23"/>
      <c r="AY33" s="24"/>
      <c r="AZ33" s="24"/>
      <c r="BA33" s="24"/>
      <c r="BB33" s="24"/>
      <c r="BC33" s="24"/>
      <c r="BD33" s="575" t="s">
        <v>67</v>
      </c>
      <c r="BE33" s="576"/>
      <c r="BF33" s="576"/>
      <c r="BG33" s="576" t="s">
        <v>78</v>
      </c>
      <c r="BH33" s="576"/>
      <c r="BI33" s="579"/>
      <c r="BJ33" s="110"/>
      <c r="BK33" s="111"/>
      <c r="BL33" s="111"/>
      <c r="BM33" s="111"/>
      <c r="BN33" s="111"/>
      <c r="BO33" s="24"/>
      <c r="BP33" s="24"/>
      <c r="BQ33" s="24"/>
      <c r="BR33" s="24"/>
      <c r="BS33" s="24"/>
      <c r="BT33" s="24"/>
      <c r="BU33" s="24"/>
      <c r="BV33" s="24"/>
      <c r="BW33" s="25"/>
    </row>
    <row r="34" spans="1:75" ht="12" customHeight="1">
      <c r="A34" s="298"/>
      <c r="B34" s="302"/>
      <c r="C34" s="303"/>
      <c r="D34" s="303"/>
      <c r="E34" s="303"/>
      <c r="F34" s="304"/>
      <c r="G34" s="302"/>
      <c r="H34" s="303"/>
      <c r="I34" s="303"/>
      <c r="J34" s="303"/>
      <c r="K34" s="304"/>
      <c r="L34" s="315"/>
      <c r="M34" s="316"/>
      <c r="N34" s="316"/>
      <c r="O34" s="316"/>
      <c r="P34" s="316"/>
      <c r="Q34" s="316"/>
      <c r="R34" s="316"/>
      <c r="S34" s="316"/>
      <c r="T34" s="316"/>
      <c r="U34" s="318"/>
      <c r="V34" s="315"/>
      <c r="W34" s="316"/>
      <c r="X34" s="316"/>
      <c r="Y34" s="316"/>
      <c r="Z34" s="316"/>
      <c r="AA34" s="316"/>
      <c r="AB34" s="316"/>
      <c r="AC34" s="316"/>
      <c r="AD34" s="316"/>
      <c r="AE34" s="325"/>
      <c r="AF34" s="328"/>
      <c r="AG34" s="309"/>
      <c r="AH34" s="309"/>
      <c r="AI34" s="309"/>
      <c r="AJ34" s="309"/>
      <c r="AK34" s="309"/>
      <c r="AL34" s="574"/>
      <c r="AM34" s="343"/>
      <c r="AN34" s="336"/>
      <c r="AO34" s="336"/>
      <c r="AP34" s="336"/>
      <c r="AQ34" s="337"/>
      <c r="AR34" s="28"/>
      <c r="AS34" s="29"/>
      <c r="AT34" s="29"/>
      <c r="AU34" s="29"/>
      <c r="AV34" s="29"/>
      <c r="AW34" s="30"/>
      <c r="AX34" s="28"/>
      <c r="AY34" s="29"/>
      <c r="AZ34" s="29"/>
      <c r="BA34" s="29"/>
      <c r="BB34" s="29"/>
      <c r="BC34" s="29"/>
      <c r="BD34" s="577"/>
      <c r="BE34" s="578"/>
      <c r="BF34" s="578"/>
      <c r="BG34" s="578"/>
      <c r="BH34" s="578"/>
      <c r="BI34" s="580"/>
      <c r="BJ34" s="112"/>
      <c r="BK34" s="113"/>
      <c r="BL34" s="113"/>
      <c r="BM34" s="113"/>
      <c r="BN34" s="113"/>
      <c r="BO34" s="29"/>
      <c r="BP34" s="29"/>
      <c r="BQ34" s="29"/>
      <c r="BR34" s="29"/>
      <c r="BS34" s="29"/>
      <c r="BT34" s="29"/>
      <c r="BU34" s="29"/>
      <c r="BV34" s="29"/>
      <c r="BW34" s="30"/>
    </row>
    <row r="35" spans="1:75" ht="12" customHeight="1">
      <c r="A35" s="298">
        <v>13</v>
      </c>
      <c r="B35" s="299"/>
      <c r="C35" s="300"/>
      <c r="D35" s="300"/>
      <c r="E35" s="300"/>
      <c r="F35" s="301"/>
      <c r="G35" s="299"/>
      <c r="H35" s="300"/>
      <c r="I35" s="300"/>
      <c r="J35" s="300"/>
      <c r="K35" s="301"/>
      <c r="L35" s="313"/>
      <c r="M35" s="314"/>
      <c r="N35" s="314"/>
      <c r="O35" s="314"/>
      <c r="P35" s="314" t="s">
        <v>32</v>
      </c>
      <c r="Q35" s="314"/>
      <c r="R35" s="314"/>
      <c r="S35" s="314"/>
      <c r="T35" s="314"/>
      <c r="U35" s="317"/>
      <c r="V35" s="313"/>
      <c r="W35" s="314"/>
      <c r="X35" s="314"/>
      <c r="Y35" s="314"/>
      <c r="Z35" s="314" t="s">
        <v>32</v>
      </c>
      <c r="AA35" s="314"/>
      <c r="AB35" s="314"/>
      <c r="AC35" s="314"/>
      <c r="AD35" s="314"/>
      <c r="AE35" s="324"/>
      <c r="AF35" s="326"/>
      <c r="AG35" s="306"/>
      <c r="AH35" s="306"/>
      <c r="AI35" s="306"/>
      <c r="AJ35" s="306"/>
      <c r="AK35" s="306"/>
      <c r="AL35" s="470"/>
      <c r="AM35" s="342"/>
      <c r="AN35" s="333"/>
      <c r="AO35" s="333"/>
      <c r="AP35" s="333"/>
      <c r="AQ35" s="334"/>
      <c r="AR35" s="23"/>
      <c r="AS35" s="24"/>
      <c r="AT35" s="24"/>
      <c r="AU35" s="24"/>
      <c r="AV35" s="24"/>
      <c r="AW35" s="25"/>
      <c r="AX35" s="23"/>
      <c r="AY35" s="24"/>
      <c r="AZ35" s="24"/>
      <c r="BA35" s="24"/>
      <c r="BB35" s="24"/>
      <c r="BC35" s="24"/>
      <c r="BD35" s="575" t="s">
        <v>67</v>
      </c>
      <c r="BE35" s="576"/>
      <c r="BF35" s="576"/>
      <c r="BG35" s="576" t="s">
        <v>78</v>
      </c>
      <c r="BH35" s="576"/>
      <c r="BI35" s="579"/>
      <c r="BJ35" s="110"/>
      <c r="BK35" s="111"/>
      <c r="BL35" s="111"/>
      <c r="BM35" s="111"/>
      <c r="BN35" s="111"/>
      <c r="BO35" s="24"/>
      <c r="BP35" s="24"/>
      <c r="BQ35" s="24"/>
      <c r="BR35" s="24"/>
      <c r="BS35" s="24"/>
      <c r="BT35" s="24"/>
      <c r="BU35" s="24"/>
      <c r="BV35" s="24"/>
      <c r="BW35" s="25"/>
    </row>
    <row r="36" spans="1:75" ht="12" customHeight="1">
      <c r="A36" s="298"/>
      <c r="B36" s="302"/>
      <c r="C36" s="303"/>
      <c r="D36" s="303"/>
      <c r="E36" s="303"/>
      <c r="F36" s="304"/>
      <c r="G36" s="302"/>
      <c r="H36" s="303"/>
      <c r="I36" s="303"/>
      <c r="J36" s="303"/>
      <c r="K36" s="304"/>
      <c r="L36" s="315"/>
      <c r="M36" s="316"/>
      <c r="N36" s="316"/>
      <c r="O36" s="316"/>
      <c r="P36" s="316"/>
      <c r="Q36" s="316"/>
      <c r="R36" s="316"/>
      <c r="S36" s="316"/>
      <c r="T36" s="316"/>
      <c r="U36" s="318"/>
      <c r="V36" s="315"/>
      <c r="W36" s="316"/>
      <c r="X36" s="316"/>
      <c r="Y36" s="316"/>
      <c r="Z36" s="316"/>
      <c r="AA36" s="316"/>
      <c r="AB36" s="316"/>
      <c r="AC36" s="316"/>
      <c r="AD36" s="316"/>
      <c r="AE36" s="325"/>
      <c r="AF36" s="328"/>
      <c r="AG36" s="309"/>
      <c r="AH36" s="309"/>
      <c r="AI36" s="309"/>
      <c r="AJ36" s="309"/>
      <c r="AK36" s="309"/>
      <c r="AL36" s="574"/>
      <c r="AM36" s="343"/>
      <c r="AN36" s="336"/>
      <c r="AO36" s="336"/>
      <c r="AP36" s="336"/>
      <c r="AQ36" s="337"/>
      <c r="AR36" s="28"/>
      <c r="AS36" s="29"/>
      <c r="AT36" s="29"/>
      <c r="AU36" s="29"/>
      <c r="AV36" s="29"/>
      <c r="AW36" s="30"/>
      <c r="AX36" s="28"/>
      <c r="AY36" s="29"/>
      <c r="AZ36" s="29"/>
      <c r="BA36" s="29"/>
      <c r="BB36" s="29"/>
      <c r="BC36" s="29"/>
      <c r="BD36" s="577"/>
      <c r="BE36" s="578"/>
      <c r="BF36" s="578"/>
      <c r="BG36" s="578"/>
      <c r="BH36" s="578"/>
      <c r="BI36" s="580"/>
      <c r="BJ36" s="112"/>
      <c r="BK36" s="113"/>
      <c r="BL36" s="113"/>
      <c r="BM36" s="113"/>
      <c r="BN36" s="113"/>
      <c r="BO36" s="29"/>
      <c r="BP36" s="29"/>
      <c r="BQ36" s="29"/>
      <c r="BR36" s="29"/>
      <c r="BS36" s="29"/>
      <c r="BT36" s="29"/>
      <c r="BU36" s="29"/>
      <c r="BV36" s="29"/>
      <c r="BW36" s="30"/>
    </row>
    <row r="37" spans="1:75" ht="12" customHeight="1">
      <c r="A37" s="298">
        <v>14</v>
      </c>
      <c r="B37" s="299"/>
      <c r="C37" s="300"/>
      <c r="D37" s="300"/>
      <c r="E37" s="300"/>
      <c r="F37" s="301"/>
      <c r="G37" s="299"/>
      <c r="H37" s="300"/>
      <c r="I37" s="300"/>
      <c r="J37" s="300"/>
      <c r="K37" s="301"/>
      <c r="L37" s="313"/>
      <c r="M37" s="314"/>
      <c r="N37" s="314"/>
      <c r="O37" s="314"/>
      <c r="P37" s="314" t="s">
        <v>32</v>
      </c>
      <c r="Q37" s="314"/>
      <c r="R37" s="314"/>
      <c r="S37" s="314"/>
      <c r="T37" s="314"/>
      <c r="U37" s="317"/>
      <c r="V37" s="313"/>
      <c r="W37" s="314"/>
      <c r="X37" s="314"/>
      <c r="Y37" s="314"/>
      <c r="Z37" s="314" t="s">
        <v>32</v>
      </c>
      <c r="AA37" s="314"/>
      <c r="AB37" s="314"/>
      <c r="AC37" s="314"/>
      <c r="AD37" s="314"/>
      <c r="AE37" s="324"/>
      <c r="AF37" s="326"/>
      <c r="AG37" s="306"/>
      <c r="AH37" s="306"/>
      <c r="AI37" s="306"/>
      <c r="AJ37" s="306"/>
      <c r="AK37" s="306"/>
      <c r="AL37" s="470"/>
      <c r="AM37" s="342"/>
      <c r="AN37" s="333"/>
      <c r="AO37" s="333"/>
      <c r="AP37" s="333"/>
      <c r="AQ37" s="334"/>
      <c r="AR37" s="23"/>
      <c r="AS37" s="24"/>
      <c r="AT37" s="24"/>
      <c r="AU37" s="24"/>
      <c r="AV37" s="24"/>
      <c r="AW37" s="25"/>
      <c r="AX37" s="23"/>
      <c r="AY37" s="24"/>
      <c r="AZ37" s="24"/>
      <c r="BA37" s="24"/>
      <c r="BB37" s="24"/>
      <c r="BC37" s="24"/>
      <c r="BD37" s="575" t="s">
        <v>67</v>
      </c>
      <c r="BE37" s="576"/>
      <c r="BF37" s="576"/>
      <c r="BG37" s="576" t="s">
        <v>78</v>
      </c>
      <c r="BH37" s="576"/>
      <c r="BI37" s="579"/>
      <c r="BJ37" s="110"/>
      <c r="BK37" s="111"/>
      <c r="BL37" s="111"/>
      <c r="BM37" s="111"/>
      <c r="BN37" s="111"/>
      <c r="BO37" s="24"/>
      <c r="BP37" s="24"/>
      <c r="BQ37" s="24"/>
      <c r="BR37" s="24"/>
      <c r="BS37" s="24"/>
      <c r="BT37" s="24"/>
      <c r="BU37" s="24"/>
      <c r="BV37" s="24"/>
      <c r="BW37" s="25"/>
    </row>
    <row r="38" spans="1:75" ht="12" customHeight="1">
      <c r="A38" s="298"/>
      <c r="B38" s="302"/>
      <c r="C38" s="303"/>
      <c r="D38" s="303"/>
      <c r="E38" s="303"/>
      <c r="F38" s="304"/>
      <c r="G38" s="302"/>
      <c r="H38" s="303"/>
      <c r="I38" s="303"/>
      <c r="J38" s="303"/>
      <c r="K38" s="304"/>
      <c r="L38" s="315"/>
      <c r="M38" s="316"/>
      <c r="N38" s="316"/>
      <c r="O38" s="316"/>
      <c r="P38" s="316"/>
      <c r="Q38" s="316"/>
      <c r="R38" s="316"/>
      <c r="S38" s="316"/>
      <c r="T38" s="316"/>
      <c r="U38" s="318"/>
      <c r="V38" s="315"/>
      <c r="W38" s="316"/>
      <c r="X38" s="316"/>
      <c r="Y38" s="316"/>
      <c r="Z38" s="316"/>
      <c r="AA38" s="316"/>
      <c r="AB38" s="316"/>
      <c r="AC38" s="316"/>
      <c r="AD38" s="316"/>
      <c r="AE38" s="325"/>
      <c r="AF38" s="328"/>
      <c r="AG38" s="309"/>
      <c r="AH38" s="309"/>
      <c r="AI38" s="309"/>
      <c r="AJ38" s="309"/>
      <c r="AK38" s="309"/>
      <c r="AL38" s="574"/>
      <c r="AM38" s="343"/>
      <c r="AN38" s="336"/>
      <c r="AO38" s="336"/>
      <c r="AP38" s="336"/>
      <c r="AQ38" s="337"/>
      <c r="AR38" s="28"/>
      <c r="AS38" s="29"/>
      <c r="AT38" s="29"/>
      <c r="AU38" s="29"/>
      <c r="AV38" s="29"/>
      <c r="AW38" s="30"/>
      <c r="AX38" s="28"/>
      <c r="AY38" s="29"/>
      <c r="AZ38" s="29"/>
      <c r="BA38" s="29"/>
      <c r="BB38" s="29"/>
      <c r="BC38" s="29"/>
      <c r="BD38" s="577"/>
      <c r="BE38" s="578"/>
      <c r="BF38" s="578"/>
      <c r="BG38" s="578"/>
      <c r="BH38" s="578"/>
      <c r="BI38" s="580"/>
      <c r="BJ38" s="112"/>
      <c r="BK38" s="113"/>
      <c r="BL38" s="113"/>
      <c r="BM38" s="113"/>
      <c r="BN38" s="113"/>
      <c r="BO38" s="29"/>
      <c r="BP38" s="29"/>
      <c r="BQ38" s="29"/>
      <c r="BR38" s="29"/>
      <c r="BS38" s="29"/>
      <c r="BT38" s="29"/>
      <c r="BU38" s="29"/>
      <c r="BV38" s="29"/>
      <c r="BW38" s="30"/>
    </row>
    <row r="39" spans="1:75" ht="12" customHeight="1">
      <c r="A39" s="298">
        <v>15</v>
      </c>
      <c r="B39" s="299"/>
      <c r="C39" s="300"/>
      <c r="D39" s="300"/>
      <c r="E39" s="300"/>
      <c r="F39" s="301"/>
      <c r="G39" s="299"/>
      <c r="H39" s="300"/>
      <c r="I39" s="300"/>
      <c r="J39" s="300"/>
      <c r="K39" s="301"/>
      <c r="L39" s="313"/>
      <c r="M39" s="314"/>
      <c r="N39" s="314"/>
      <c r="O39" s="314"/>
      <c r="P39" s="314" t="s">
        <v>32</v>
      </c>
      <c r="Q39" s="314"/>
      <c r="R39" s="314"/>
      <c r="S39" s="314"/>
      <c r="T39" s="314"/>
      <c r="U39" s="317"/>
      <c r="V39" s="313"/>
      <c r="W39" s="314"/>
      <c r="X39" s="314"/>
      <c r="Y39" s="314"/>
      <c r="Z39" s="314" t="s">
        <v>32</v>
      </c>
      <c r="AA39" s="314"/>
      <c r="AB39" s="314"/>
      <c r="AC39" s="314"/>
      <c r="AD39" s="314"/>
      <c r="AE39" s="324"/>
      <c r="AF39" s="326"/>
      <c r="AG39" s="306"/>
      <c r="AH39" s="306"/>
      <c r="AI39" s="306"/>
      <c r="AJ39" s="306"/>
      <c r="AK39" s="306"/>
      <c r="AL39" s="470"/>
      <c r="AM39" s="342"/>
      <c r="AN39" s="333"/>
      <c r="AO39" s="333"/>
      <c r="AP39" s="333"/>
      <c r="AQ39" s="334"/>
      <c r="AR39" s="23"/>
      <c r="AS39" s="24"/>
      <c r="AT39" s="24"/>
      <c r="AU39" s="24"/>
      <c r="AV39" s="24"/>
      <c r="AW39" s="25"/>
      <c r="AX39" s="23"/>
      <c r="AY39" s="24"/>
      <c r="AZ39" s="24"/>
      <c r="BA39" s="24"/>
      <c r="BB39" s="24"/>
      <c r="BC39" s="24"/>
      <c r="BD39" s="575" t="s">
        <v>67</v>
      </c>
      <c r="BE39" s="576"/>
      <c r="BF39" s="576"/>
      <c r="BG39" s="576" t="s">
        <v>78</v>
      </c>
      <c r="BH39" s="576"/>
      <c r="BI39" s="579"/>
      <c r="BJ39" s="110"/>
      <c r="BK39" s="111"/>
      <c r="BL39" s="111"/>
      <c r="BM39" s="111"/>
      <c r="BN39" s="111"/>
      <c r="BO39" s="24"/>
      <c r="BP39" s="24"/>
      <c r="BQ39" s="24"/>
      <c r="BR39" s="24"/>
      <c r="BS39" s="24"/>
      <c r="BT39" s="24"/>
      <c r="BU39" s="24"/>
      <c r="BV39" s="24"/>
      <c r="BW39" s="25"/>
    </row>
    <row r="40" spans="1:75" ht="12" customHeight="1">
      <c r="A40" s="298"/>
      <c r="B40" s="302"/>
      <c r="C40" s="303"/>
      <c r="D40" s="303"/>
      <c r="E40" s="303"/>
      <c r="F40" s="304"/>
      <c r="G40" s="302"/>
      <c r="H40" s="303"/>
      <c r="I40" s="303"/>
      <c r="J40" s="303"/>
      <c r="K40" s="304"/>
      <c r="L40" s="315"/>
      <c r="M40" s="316"/>
      <c r="N40" s="316"/>
      <c r="O40" s="316"/>
      <c r="P40" s="316"/>
      <c r="Q40" s="316"/>
      <c r="R40" s="316"/>
      <c r="S40" s="316"/>
      <c r="T40" s="316"/>
      <c r="U40" s="318"/>
      <c r="V40" s="315"/>
      <c r="W40" s="316"/>
      <c r="X40" s="316"/>
      <c r="Y40" s="316"/>
      <c r="Z40" s="316"/>
      <c r="AA40" s="316"/>
      <c r="AB40" s="316"/>
      <c r="AC40" s="316"/>
      <c r="AD40" s="316"/>
      <c r="AE40" s="325"/>
      <c r="AF40" s="328"/>
      <c r="AG40" s="309"/>
      <c r="AH40" s="309"/>
      <c r="AI40" s="309"/>
      <c r="AJ40" s="309"/>
      <c r="AK40" s="309"/>
      <c r="AL40" s="574"/>
      <c r="AM40" s="343"/>
      <c r="AN40" s="336"/>
      <c r="AO40" s="336"/>
      <c r="AP40" s="336"/>
      <c r="AQ40" s="337"/>
      <c r="AR40" s="28"/>
      <c r="AS40" s="29"/>
      <c r="AT40" s="29"/>
      <c r="AU40" s="29"/>
      <c r="AV40" s="29"/>
      <c r="AW40" s="30"/>
      <c r="AX40" s="28"/>
      <c r="AY40" s="29"/>
      <c r="AZ40" s="29"/>
      <c r="BA40" s="29"/>
      <c r="BB40" s="29"/>
      <c r="BC40" s="29"/>
      <c r="BD40" s="577"/>
      <c r="BE40" s="578"/>
      <c r="BF40" s="578"/>
      <c r="BG40" s="578"/>
      <c r="BH40" s="578"/>
      <c r="BI40" s="580"/>
      <c r="BJ40" s="112"/>
      <c r="BK40" s="113"/>
      <c r="BL40" s="113"/>
      <c r="BM40" s="113"/>
      <c r="BN40" s="113"/>
      <c r="BO40" s="29"/>
      <c r="BP40" s="29"/>
      <c r="BQ40" s="29"/>
      <c r="BR40" s="29"/>
      <c r="BS40" s="29"/>
      <c r="BT40" s="29"/>
      <c r="BU40" s="29"/>
      <c r="BV40" s="29"/>
      <c r="BW40" s="30"/>
    </row>
    <row r="41" spans="1:75" ht="12" customHeight="1">
      <c r="A41" s="298">
        <v>16</v>
      </c>
      <c r="B41" s="299"/>
      <c r="C41" s="300"/>
      <c r="D41" s="300"/>
      <c r="E41" s="300"/>
      <c r="F41" s="301"/>
      <c r="G41" s="299"/>
      <c r="H41" s="300"/>
      <c r="I41" s="300"/>
      <c r="J41" s="300"/>
      <c r="K41" s="301"/>
      <c r="L41" s="313"/>
      <c r="M41" s="314"/>
      <c r="N41" s="314"/>
      <c r="O41" s="314"/>
      <c r="P41" s="314" t="s">
        <v>32</v>
      </c>
      <c r="Q41" s="314"/>
      <c r="R41" s="314"/>
      <c r="S41" s="314"/>
      <c r="T41" s="314"/>
      <c r="U41" s="317"/>
      <c r="V41" s="313"/>
      <c r="W41" s="314"/>
      <c r="X41" s="314"/>
      <c r="Y41" s="314"/>
      <c r="Z41" s="314" t="s">
        <v>32</v>
      </c>
      <c r="AA41" s="314"/>
      <c r="AB41" s="314"/>
      <c r="AC41" s="314"/>
      <c r="AD41" s="314"/>
      <c r="AE41" s="324"/>
      <c r="AF41" s="326"/>
      <c r="AG41" s="306"/>
      <c r="AH41" s="306"/>
      <c r="AI41" s="306"/>
      <c r="AJ41" s="306"/>
      <c r="AK41" s="306"/>
      <c r="AL41" s="470"/>
      <c r="AM41" s="342"/>
      <c r="AN41" s="333"/>
      <c r="AO41" s="333"/>
      <c r="AP41" s="333"/>
      <c r="AQ41" s="334"/>
      <c r="AR41" s="23"/>
      <c r="AS41" s="24"/>
      <c r="AT41" s="24"/>
      <c r="AU41" s="24"/>
      <c r="AV41" s="24"/>
      <c r="AW41" s="25"/>
      <c r="AX41" s="23"/>
      <c r="AY41" s="24"/>
      <c r="AZ41" s="24"/>
      <c r="BA41" s="24"/>
      <c r="BB41" s="24"/>
      <c r="BC41" s="24"/>
      <c r="BD41" s="575" t="s">
        <v>67</v>
      </c>
      <c r="BE41" s="576"/>
      <c r="BF41" s="576"/>
      <c r="BG41" s="576" t="s">
        <v>78</v>
      </c>
      <c r="BH41" s="576"/>
      <c r="BI41" s="579"/>
      <c r="BJ41" s="110"/>
      <c r="BK41" s="111"/>
      <c r="BL41" s="111"/>
      <c r="BM41" s="111"/>
      <c r="BN41" s="111"/>
      <c r="BO41" s="24"/>
      <c r="BP41" s="24"/>
      <c r="BQ41" s="24"/>
      <c r="BR41" s="24"/>
      <c r="BS41" s="24"/>
      <c r="BT41" s="24"/>
      <c r="BU41" s="24"/>
      <c r="BV41" s="24"/>
      <c r="BW41" s="25"/>
    </row>
    <row r="42" spans="1:75" ht="12" customHeight="1">
      <c r="A42" s="298"/>
      <c r="B42" s="302"/>
      <c r="C42" s="303"/>
      <c r="D42" s="303"/>
      <c r="E42" s="303"/>
      <c r="F42" s="304"/>
      <c r="G42" s="302"/>
      <c r="H42" s="303"/>
      <c r="I42" s="303"/>
      <c r="J42" s="303"/>
      <c r="K42" s="304"/>
      <c r="L42" s="315"/>
      <c r="M42" s="316"/>
      <c r="N42" s="316"/>
      <c r="O42" s="316"/>
      <c r="P42" s="316"/>
      <c r="Q42" s="316"/>
      <c r="R42" s="316"/>
      <c r="S42" s="316"/>
      <c r="T42" s="316"/>
      <c r="U42" s="318"/>
      <c r="V42" s="315"/>
      <c r="W42" s="316"/>
      <c r="X42" s="316"/>
      <c r="Y42" s="316"/>
      <c r="Z42" s="316"/>
      <c r="AA42" s="316"/>
      <c r="AB42" s="316"/>
      <c r="AC42" s="316"/>
      <c r="AD42" s="316"/>
      <c r="AE42" s="325"/>
      <c r="AF42" s="328"/>
      <c r="AG42" s="309"/>
      <c r="AH42" s="309"/>
      <c r="AI42" s="309"/>
      <c r="AJ42" s="309"/>
      <c r="AK42" s="309"/>
      <c r="AL42" s="574"/>
      <c r="AM42" s="343"/>
      <c r="AN42" s="336"/>
      <c r="AO42" s="336"/>
      <c r="AP42" s="336"/>
      <c r="AQ42" s="337"/>
      <c r="AR42" s="28"/>
      <c r="AS42" s="29"/>
      <c r="AT42" s="29"/>
      <c r="AU42" s="29"/>
      <c r="AV42" s="29"/>
      <c r="AW42" s="30"/>
      <c r="AX42" s="28"/>
      <c r="AY42" s="29"/>
      <c r="AZ42" s="29"/>
      <c r="BA42" s="29"/>
      <c r="BB42" s="29"/>
      <c r="BC42" s="29"/>
      <c r="BD42" s="577"/>
      <c r="BE42" s="578"/>
      <c r="BF42" s="578"/>
      <c r="BG42" s="578"/>
      <c r="BH42" s="578"/>
      <c r="BI42" s="580"/>
      <c r="BJ42" s="112"/>
      <c r="BK42" s="113"/>
      <c r="BL42" s="113"/>
      <c r="BM42" s="113"/>
      <c r="BN42" s="113"/>
      <c r="BO42" s="29"/>
      <c r="BP42" s="29"/>
      <c r="BQ42" s="29"/>
      <c r="BR42" s="29"/>
      <c r="BS42" s="29"/>
      <c r="BT42" s="29"/>
      <c r="BU42" s="29"/>
      <c r="BV42" s="29"/>
      <c r="BW42" s="30"/>
    </row>
    <row r="43" spans="1:75" ht="12" customHeight="1">
      <c r="A43" s="298">
        <v>17</v>
      </c>
      <c r="B43" s="299"/>
      <c r="C43" s="300"/>
      <c r="D43" s="300"/>
      <c r="E43" s="300"/>
      <c r="F43" s="301"/>
      <c r="G43" s="299"/>
      <c r="H43" s="300"/>
      <c r="I43" s="300"/>
      <c r="J43" s="300"/>
      <c r="K43" s="301"/>
      <c r="L43" s="313"/>
      <c r="M43" s="314"/>
      <c r="N43" s="314"/>
      <c r="O43" s="314"/>
      <c r="P43" s="314" t="s">
        <v>32</v>
      </c>
      <c r="Q43" s="314"/>
      <c r="R43" s="314"/>
      <c r="S43" s="314"/>
      <c r="T43" s="314"/>
      <c r="U43" s="317"/>
      <c r="V43" s="313"/>
      <c r="W43" s="314"/>
      <c r="X43" s="314"/>
      <c r="Y43" s="314"/>
      <c r="Z43" s="314" t="s">
        <v>32</v>
      </c>
      <c r="AA43" s="314"/>
      <c r="AB43" s="314"/>
      <c r="AC43" s="314"/>
      <c r="AD43" s="314"/>
      <c r="AE43" s="324"/>
      <c r="AF43" s="326"/>
      <c r="AG43" s="306"/>
      <c r="AH43" s="306"/>
      <c r="AI43" s="306"/>
      <c r="AJ43" s="306"/>
      <c r="AK43" s="306"/>
      <c r="AL43" s="470"/>
      <c r="AM43" s="342"/>
      <c r="AN43" s="333"/>
      <c r="AO43" s="333"/>
      <c r="AP43" s="333"/>
      <c r="AQ43" s="334"/>
      <c r="AR43" s="23"/>
      <c r="AS43" s="24"/>
      <c r="AT43" s="24"/>
      <c r="AU43" s="24"/>
      <c r="AV43" s="24"/>
      <c r="AW43" s="25"/>
      <c r="AX43" s="23"/>
      <c r="AY43" s="24"/>
      <c r="AZ43" s="24"/>
      <c r="BA43" s="24"/>
      <c r="BB43" s="24"/>
      <c r="BC43" s="24"/>
      <c r="BD43" s="575" t="s">
        <v>67</v>
      </c>
      <c r="BE43" s="576"/>
      <c r="BF43" s="576"/>
      <c r="BG43" s="576" t="s">
        <v>78</v>
      </c>
      <c r="BH43" s="576"/>
      <c r="BI43" s="579"/>
      <c r="BJ43" s="110"/>
      <c r="BK43" s="111"/>
      <c r="BL43" s="111"/>
      <c r="BM43" s="111"/>
      <c r="BN43" s="111"/>
      <c r="BO43" s="24"/>
      <c r="BP43" s="24"/>
      <c r="BQ43" s="24"/>
      <c r="BR43" s="24"/>
      <c r="BS43" s="24"/>
      <c r="BT43" s="24"/>
      <c r="BU43" s="24"/>
      <c r="BV43" s="24"/>
      <c r="BW43" s="25"/>
    </row>
    <row r="44" spans="1:75" ht="12" customHeight="1">
      <c r="A44" s="298"/>
      <c r="B44" s="302"/>
      <c r="C44" s="303"/>
      <c r="D44" s="303"/>
      <c r="E44" s="303"/>
      <c r="F44" s="304"/>
      <c r="G44" s="302"/>
      <c r="H44" s="303"/>
      <c r="I44" s="303"/>
      <c r="J44" s="303"/>
      <c r="K44" s="304"/>
      <c r="L44" s="315"/>
      <c r="M44" s="316"/>
      <c r="N44" s="316"/>
      <c r="O44" s="316"/>
      <c r="P44" s="316"/>
      <c r="Q44" s="316"/>
      <c r="R44" s="316"/>
      <c r="S44" s="316"/>
      <c r="T44" s="316"/>
      <c r="U44" s="318"/>
      <c r="V44" s="315"/>
      <c r="W44" s="316"/>
      <c r="X44" s="316"/>
      <c r="Y44" s="316"/>
      <c r="Z44" s="316"/>
      <c r="AA44" s="316"/>
      <c r="AB44" s="316"/>
      <c r="AC44" s="316"/>
      <c r="AD44" s="316"/>
      <c r="AE44" s="325"/>
      <c r="AF44" s="328"/>
      <c r="AG44" s="309"/>
      <c r="AH44" s="309"/>
      <c r="AI44" s="309"/>
      <c r="AJ44" s="309"/>
      <c r="AK44" s="309"/>
      <c r="AL44" s="574"/>
      <c r="AM44" s="343"/>
      <c r="AN44" s="336"/>
      <c r="AO44" s="336"/>
      <c r="AP44" s="336"/>
      <c r="AQ44" s="337"/>
      <c r="AR44" s="28"/>
      <c r="AS44" s="29"/>
      <c r="AT44" s="29"/>
      <c r="AU44" s="29"/>
      <c r="AV44" s="29"/>
      <c r="AW44" s="30"/>
      <c r="AX44" s="28"/>
      <c r="AY44" s="29"/>
      <c r="AZ44" s="29"/>
      <c r="BA44" s="29"/>
      <c r="BB44" s="29"/>
      <c r="BC44" s="29"/>
      <c r="BD44" s="577"/>
      <c r="BE44" s="578"/>
      <c r="BF44" s="578"/>
      <c r="BG44" s="578"/>
      <c r="BH44" s="578"/>
      <c r="BI44" s="580"/>
      <c r="BJ44" s="112"/>
      <c r="BK44" s="113"/>
      <c r="BL44" s="113"/>
      <c r="BM44" s="113"/>
      <c r="BN44" s="113"/>
      <c r="BO44" s="29"/>
      <c r="BP44" s="29"/>
      <c r="BQ44" s="29"/>
      <c r="BR44" s="29"/>
      <c r="BS44" s="29"/>
      <c r="BT44" s="29"/>
      <c r="BU44" s="29"/>
      <c r="BV44" s="29"/>
      <c r="BW44" s="30"/>
    </row>
    <row r="45" spans="1:75" ht="12" customHeight="1">
      <c r="A45" s="298">
        <v>18</v>
      </c>
      <c r="B45" s="299"/>
      <c r="C45" s="300"/>
      <c r="D45" s="300"/>
      <c r="E45" s="300"/>
      <c r="F45" s="301"/>
      <c r="G45" s="299"/>
      <c r="H45" s="300"/>
      <c r="I45" s="300"/>
      <c r="J45" s="300"/>
      <c r="K45" s="301"/>
      <c r="L45" s="313"/>
      <c r="M45" s="314"/>
      <c r="N45" s="314"/>
      <c r="O45" s="314"/>
      <c r="P45" s="314" t="s">
        <v>32</v>
      </c>
      <c r="Q45" s="314"/>
      <c r="R45" s="314"/>
      <c r="S45" s="314"/>
      <c r="T45" s="314"/>
      <c r="U45" s="317"/>
      <c r="V45" s="313"/>
      <c r="W45" s="314"/>
      <c r="X45" s="314"/>
      <c r="Y45" s="314"/>
      <c r="Z45" s="314" t="s">
        <v>32</v>
      </c>
      <c r="AA45" s="314"/>
      <c r="AB45" s="314"/>
      <c r="AC45" s="314"/>
      <c r="AD45" s="314"/>
      <c r="AE45" s="324"/>
      <c r="AF45" s="326"/>
      <c r="AG45" s="306"/>
      <c r="AH45" s="306"/>
      <c r="AI45" s="306"/>
      <c r="AJ45" s="306"/>
      <c r="AK45" s="306"/>
      <c r="AL45" s="470"/>
      <c r="AM45" s="342"/>
      <c r="AN45" s="333"/>
      <c r="AO45" s="333"/>
      <c r="AP45" s="333"/>
      <c r="AQ45" s="334"/>
      <c r="AR45" s="23"/>
      <c r="AS45" s="24"/>
      <c r="AT45" s="24"/>
      <c r="AU45" s="24"/>
      <c r="AV45" s="24"/>
      <c r="AW45" s="25"/>
      <c r="AX45" s="23"/>
      <c r="AY45" s="24"/>
      <c r="AZ45" s="24"/>
      <c r="BA45" s="24"/>
      <c r="BB45" s="24"/>
      <c r="BC45" s="24"/>
      <c r="BD45" s="575" t="s">
        <v>67</v>
      </c>
      <c r="BE45" s="576"/>
      <c r="BF45" s="576"/>
      <c r="BG45" s="576" t="s">
        <v>78</v>
      </c>
      <c r="BH45" s="576"/>
      <c r="BI45" s="579"/>
      <c r="BJ45" s="110"/>
      <c r="BK45" s="111"/>
      <c r="BL45" s="111"/>
      <c r="BM45" s="111"/>
      <c r="BN45" s="111"/>
      <c r="BO45" s="24"/>
      <c r="BP45" s="24"/>
      <c r="BQ45" s="24"/>
      <c r="BR45" s="24"/>
      <c r="BS45" s="24"/>
      <c r="BT45" s="24"/>
      <c r="BU45" s="24"/>
      <c r="BV45" s="24"/>
      <c r="BW45" s="25"/>
    </row>
    <row r="46" spans="1:75" ht="12" customHeight="1">
      <c r="A46" s="298"/>
      <c r="B46" s="302"/>
      <c r="C46" s="303"/>
      <c r="D46" s="303"/>
      <c r="E46" s="303"/>
      <c r="F46" s="304"/>
      <c r="G46" s="302"/>
      <c r="H46" s="303"/>
      <c r="I46" s="303"/>
      <c r="J46" s="303"/>
      <c r="K46" s="304"/>
      <c r="L46" s="315"/>
      <c r="M46" s="316"/>
      <c r="N46" s="316"/>
      <c r="O46" s="316"/>
      <c r="P46" s="316"/>
      <c r="Q46" s="316"/>
      <c r="R46" s="316"/>
      <c r="S46" s="316"/>
      <c r="T46" s="316"/>
      <c r="U46" s="318"/>
      <c r="V46" s="315"/>
      <c r="W46" s="316"/>
      <c r="X46" s="316"/>
      <c r="Y46" s="316"/>
      <c r="Z46" s="316"/>
      <c r="AA46" s="316"/>
      <c r="AB46" s="316"/>
      <c r="AC46" s="316"/>
      <c r="AD46" s="316"/>
      <c r="AE46" s="325"/>
      <c r="AF46" s="328"/>
      <c r="AG46" s="309"/>
      <c r="AH46" s="309"/>
      <c r="AI46" s="309"/>
      <c r="AJ46" s="309"/>
      <c r="AK46" s="309"/>
      <c r="AL46" s="574"/>
      <c r="AM46" s="343"/>
      <c r="AN46" s="336"/>
      <c r="AO46" s="336"/>
      <c r="AP46" s="336"/>
      <c r="AQ46" s="337"/>
      <c r="AR46" s="28"/>
      <c r="AS46" s="29"/>
      <c r="AT46" s="29"/>
      <c r="AU46" s="29"/>
      <c r="AV46" s="29"/>
      <c r="AW46" s="30"/>
      <c r="AX46" s="28"/>
      <c r="AY46" s="29"/>
      <c r="AZ46" s="29"/>
      <c r="BA46" s="29"/>
      <c r="BB46" s="29"/>
      <c r="BC46" s="29"/>
      <c r="BD46" s="577"/>
      <c r="BE46" s="578"/>
      <c r="BF46" s="578"/>
      <c r="BG46" s="578"/>
      <c r="BH46" s="578"/>
      <c r="BI46" s="580"/>
      <c r="BJ46" s="112"/>
      <c r="BK46" s="113"/>
      <c r="BL46" s="113"/>
      <c r="BM46" s="113"/>
      <c r="BN46" s="113"/>
      <c r="BO46" s="29"/>
      <c r="BP46" s="29"/>
      <c r="BQ46" s="29"/>
      <c r="BR46" s="29"/>
      <c r="BS46" s="29"/>
      <c r="BT46" s="29"/>
      <c r="BU46" s="29"/>
      <c r="BV46" s="29"/>
      <c r="BW46" s="30"/>
    </row>
    <row r="47" spans="1:75" ht="12" customHeight="1">
      <c r="A47" s="298">
        <v>19</v>
      </c>
      <c r="B47" s="299"/>
      <c r="C47" s="300"/>
      <c r="D47" s="300"/>
      <c r="E47" s="300"/>
      <c r="F47" s="301"/>
      <c r="G47" s="299"/>
      <c r="H47" s="300"/>
      <c r="I47" s="300"/>
      <c r="J47" s="300"/>
      <c r="K47" s="301"/>
      <c r="L47" s="313"/>
      <c r="M47" s="314"/>
      <c r="N47" s="314"/>
      <c r="O47" s="314"/>
      <c r="P47" s="314" t="s">
        <v>32</v>
      </c>
      <c r="Q47" s="314"/>
      <c r="R47" s="314"/>
      <c r="S47" s="314"/>
      <c r="T47" s="314"/>
      <c r="U47" s="317"/>
      <c r="V47" s="313"/>
      <c r="W47" s="314"/>
      <c r="X47" s="314"/>
      <c r="Y47" s="314"/>
      <c r="Z47" s="314" t="s">
        <v>32</v>
      </c>
      <c r="AA47" s="314"/>
      <c r="AB47" s="314"/>
      <c r="AC47" s="314"/>
      <c r="AD47" s="314"/>
      <c r="AE47" s="324"/>
      <c r="AF47" s="326"/>
      <c r="AG47" s="306"/>
      <c r="AH47" s="306"/>
      <c r="AI47" s="306"/>
      <c r="AJ47" s="306"/>
      <c r="AK47" s="306"/>
      <c r="AL47" s="470"/>
      <c r="AM47" s="342"/>
      <c r="AN47" s="333"/>
      <c r="AO47" s="333"/>
      <c r="AP47" s="333"/>
      <c r="AQ47" s="334"/>
      <c r="AR47" s="23"/>
      <c r="AS47" s="24"/>
      <c r="AT47" s="24"/>
      <c r="AU47" s="24"/>
      <c r="AV47" s="24"/>
      <c r="AW47" s="25"/>
      <c r="AX47" s="23"/>
      <c r="AY47" s="24"/>
      <c r="AZ47" s="24"/>
      <c r="BA47" s="24"/>
      <c r="BB47" s="24"/>
      <c r="BC47" s="24"/>
      <c r="BD47" s="575" t="s">
        <v>67</v>
      </c>
      <c r="BE47" s="576"/>
      <c r="BF47" s="576"/>
      <c r="BG47" s="576" t="s">
        <v>78</v>
      </c>
      <c r="BH47" s="576"/>
      <c r="BI47" s="579"/>
      <c r="BJ47" s="110"/>
      <c r="BK47" s="111"/>
      <c r="BL47" s="111"/>
      <c r="BM47" s="111"/>
      <c r="BN47" s="111"/>
      <c r="BO47" s="24"/>
      <c r="BP47" s="24"/>
      <c r="BQ47" s="24"/>
      <c r="BR47" s="24"/>
      <c r="BS47" s="24"/>
      <c r="BT47" s="24"/>
      <c r="BU47" s="24"/>
      <c r="BV47" s="24"/>
      <c r="BW47" s="25"/>
    </row>
    <row r="48" spans="1:75" ht="12" customHeight="1">
      <c r="A48" s="298"/>
      <c r="B48" s="302"/>
      <c r="C48" s="303"/>
      <c r="D48" s="303"/>
      <c r="E48" s="303"/>
      <c r="F48" s="304"/>
      <c r="G48" s="302"/>
      <c r="H48" s="303"/>
      <c r="I48" s="303"/>
      <c r="J48" s="303"/>
      <c r="K48" s="304"/>
      <c r="L48" s="315"/>
      <c r="M48" s="316"/>
      <c r="N48" s="316"/>
      <c r="O48" s="316"/>
      <c r="P48" s="316"/>
      <c r="Q48" s="316"/>
      <c r="R48" s="316"/>
      <c r="S48" s="316"/>
      <c r="T48" s="316"/>
      <c r="U48" s="318"/>
      <c r="V48" s="315"/>
      <c r="W48" s="316"/>
      <c r="X48" s="316"/>
      <c r="Y48" s="316"/>
      <c r="Z48" s="316"/>
      <c r="AA48" s="316"/>
      <c r="AB48" s="316"/>
      <c r="AC48" s="316"/>
      <c r="AD48" s="316"/>
      <c r="AE48" s="325"/>
      <c r="AF48" s="328"/>
      <c r="AG48" s="309"/>
      <c r="AH48" s="309"/>
      <c r="AI48" s="309"/>
      <c r="AJ48" s="309"/>
      <c r="AK48" s="309"/>
      <c r="AL48" s="574"/>
      <c r="AM48" s="343"/>
      <c r="AN48" s="336"/>
      <c r="AO48" s="336"/>
      <c r="AP48" s="336"/>
      <c r="AQ48" s="337"/>
      <c r="AR48" s="28"/>
      <c r="AS48" s="29"/>
      <c r="AT48" s="29"/>
      <c r="AU48" s="29"/>
      <c r="AV48" s="29"/>
      <c r="AW48" s="30"/>
      <c r="AX48" s="28"/>
      <c r="AY48" s="29"/>
      <c r="AZ48" s="29"/>
      <c r="BA48" s="29"/>
      <c r="BB48" s="29"/>
      <c r="BC48" s="29"/>
      <c r="BD48" s="577"/>
      <c r="BE48" s="578"/>
      <c r="BF48" s="578"/>
      <c r="BG48" s="578"/>
      <c r="BH48" s="578"/>
      <c r="BI48" s="580"/>
      <c r="BJ48" s="112"/>
      <c r="BK48" s="113"/>
      <c r="BL48" s="113"/>
      <c r="BM48" s="113"/>
      <c r="BN48" s="113"/>
      <c r="BO48" s="29"/>
      <c r="BP48" s="29"/>
      <c r="BQ48" s="29"/>
      <c r="BR48" s="29"/>
      <c r="BS48" s="29"/>
      <c r="BT48" s="29"/>
      <c r="BU48" s="29"/>
      <c r="BV48" s="29"/>
      <c r="BW48" s="30"/>
    </row>
    <row r="49" spans="1:75" ht="12" customHeight="1">
      <c r="A49" s="298">
        <v>20</v>
      </c>
      <c r="B49" s="299"/>
      <c r="C49" s="300"/>
      <c r="D49" s="300"/>
      <c r="E49" s="300"/>
      <c r="F49" s="301"/>
      <c r="G49" s="299"/>
      <c r="H49" s="300"/>
      <c r="I49" s="300"/>
      <c r="J49" s="300"/>
      <c r="K49" s="301"/>
      <c r="L49" s="313"/>
      <c r="M49" s="314"/>
      <c r="N49" s="314"/>
      <c r="O49" s="314"/>
      <c r="P49" s="314" t="s">
        <v>32</v>
      </c>
      <c r="Q49" s="314"/>
      <c r="R49" s="314"/>
      <c r="S49" s="314"/>
      <c r="T49" s="314"/>
      <c r="U49" s="317"/>
      <c r="V49" s="313"/>
      <c r="W49" s="314"/>
      <c r="X49" s="314"/>
      <c r="Y49" s="314"/>
      <c r="Z49" s="314" t="s">
        <v>32</v>
      </c>
      <c r="AA49" s="314"/>
      <c r="AB49" s="314"/>
      <c r="AC49" s="314"/>
      <c r="AD49" s="314"/>
      <c r="AE49" s="324"/>
      <c r="AF49" s="326"/>
      <c r="AG49" s="306"/>
      <c r="AH49" s="306"/>
      <c r="AI49" s="306"/>
      <c r="AJ49" s="306"/>
      <c r="AK49" s="306"/>
      <c r="AL49" s="470"/>
      <c r="AM49" s="342"/>
      <c r="AN49" s="333"/>
      <c r="AO49" s="333"/>
      <c r="AP49" s="333"/>
      <c r="AQ49" s="334"/>
      <c r="AR49" s="23"/>
      <c r="AS49" s="24"/>
      <c r="AT49" s="24"/>
      <c r="AU49" s="24"/>
      <c r="AV49" s="24"/>
      <c r="AW49" s="25"/>
      <c r="AX49" s="23"/>
      <c r="AY49" s="24"/>
      <c r="AZ49" s="24"/>
      <c r="BA49" s="24"/>
      <c r="BB49" s="24"/>
      <c r="BC49" s="24"/>
      <c r="BD49" s="575" t="s">
        <v>67</v>
      </c>
      <c r="BE49" s="576"/>
      <c r="BF49" s="576"/>
      <c r="BG49" s="576" t="s">
        <v>78</v>
      </c>
      <c r="BH49" s="576"/>
      <c r="BI49" s="579"/>
      <c r="BJ49" s="110"/>
      <c r="BK49" s="111"/>
      <c r="BL49" s="111"/>
      <c r="BM49" s="111"/>
      <c r="BN49" s="111"/>
      <c r="BO49" s="24"/>
      <c r="BP49" s="24"/>
      <c r="BQ49" s="24"/>
      <c r="BR49" s="24"/>
      <c r="BS49" s="24"/>
      <c r="BT49" s="24"/>
      <c r="BU49" s="24"/>
      <c r="BV49" s="24"/>
      <c r="BW49" s="25"/>
    </row>
    <row r="50" spans="1:75" ht="12" customHeight="1">
      <c r="A50" s="298"/>
      <c r="B50" s="302"/>
      <c r="C50" s="303"/>
      <c r="D50" s="303"/>
      <c r="E50" s="303"/>
      <c r="F50" s="304"/>
      <c r="G50" s="302"/>
      <c r="H50" s="303"/>
      <c r="I50" s="303"/>
      <c r="J50" s="303"/>
      <c r="K50" s="304"/>
      <c r="L50" s="315"/>
      <c r="M50" s="316"/>
      <c r="N50" s="316"/>
      <c r="O50" s="316"/>
      <c r="P50" s="316"/>
      <c r="Q50" s="316"/>
      <c r="R50" s="316"/>
      <c r="S50" s="316"/>
      <c r="T50" s="316"/>
      <c r="U50" s="318"/>
      <c r="V50" s="315"/>
      <c r="W50" s="316"/>
      <c r="X50" s="316"/>
      <c r="Y50" s="316"/>
      <c r="Z50" s="316"/>
      <c r="AA50" s="316"/>
      <c r="AB50" s="316"/>
      <c r="AC50" s="316"/>
      <c r="AD50" s="316"/>
      <c r="AE50" s="325"/>
      <c r="AF50" s="328"/>
      <c r="AG50" s="309"/>
      <c r="AH50" s="309"/>
      <c r="AI50" s="309"/>
      <c r="AJ50" s="309"/>
      <c r="AK50" s="309"/>
      <c r="AL50" s="574"/>
      <c r="AM50" s="343"/>
      <c r="AN50" s="336"/>
      <c r="AO50" s="336"/>
      <c r="AP50" s="336"/>
      <c r="AQ50" s="337"/>
      <c r="AR50" s="28"/>
      <c r="AS50" s="29"/>
      <c r="AT50" s="29"/>
      <c r="AU50" s="29"/>
      <c r="AV50" s="29"/>
      <c r="AW50" s="30"/>
      <c r="AX50" s="28"/>
      <c r="AY50" s="29"/>
      <c r="AZ50" s="29"/>
      <c r="BA50" s="29"/>
      <c r="BB50" s="29"/>
      <c r="BC50" s="29"/>
      <c r="BD50" s="577"/>
      <c r="BE50" s="578"/>
      <c r="BF50" s="578"/>
      <c r="BG50" s="578"/>
      <c r="BH50" s="578"/>
      <c r="BI50" s="580"/>
      <c r="BJ50" s="112"/>
      <c r="BK50" s="113"/>
      <c r="BL50" s="113"/>
      <c r="BM50" s="113"/>
      <c r="BN50" s="113"/>
      <c r="BO50" s="29"/>
      <c r="BP50" s="29"/>
      <c r="BQ50" s="29"/>
      <c r="BR50" s="29"/>
      <c r="BS50" s="29"/>
      <c r="BT50" s="29"/>
      <c r="BU50" s="29"/>
      <c r="BV50" s="29"/>
      <c r="BW50" s="30"/>
    </row>
    <row r="51" spans="1:75" ht="12" customHeight="1">
      <c r="A51" s="298">
        <v>21</v>
      </c>
      <c r="B51" s="299"/>
      <c r="C51" s="300"/>
      <c r="D51" s="300"/>
      <c r="E51" s="300"/>
      <c r="F51" s="301"/>
      <c r="G51" s="299"/>
      <c r="H51" s="300"/>
      <c r="I51" s="300"/>
      <c r="J51" s="300"/>
      <c r="K51" s="301"/>
      <c r="L51" s="313"/>
      <c r="M51" s="314"/>
      <c r="N51" s="314"/>
      <c r="O51" s="314"/>
      <c r="P51" s="314" t="s">
        <v>32</v>
      </c>
      <c r="Q51" s="314"/>
      <c r="R51" s="314"/>
      <c r="S51" s="314"/>
      <c r="T51" s="314"/>
      <c r="U51" s="317"/>
      <c r="V51" s="313"/>
      <c r="W51" s="314"/>
      <c r="X51" s="314"/>
      <c r="Y51" s="314"/>
      <c r="Z51" s="314" t="s">
        <v>32</v>
      </c>
      <c r="AA51" s="314"/>
      <c r="AB51" s="314"/>
      <c r="AC51" s="314"/>
      <c r="AD51" s="314"/>
      <c r="AE51" s="324"/>
      <c r="AF51" s="326"/>
      <c r="AG51" s="306"/>
      <c r="AH51" s="306"/>
      <c r="AI51" s="306"/>
      <c r="AJ51" s="306"/>
      <c r="AK51" s="306"/>
      <c r="AL51" s="470"/>
      <c r="AM51" s="342"/>
      <c r="AN51" s="333"/>
      <c r="AO51" s="333"/>
      <c r="AP51" s="333"/>
      <c r="AQ51" s="334"/>
      <c r="AR51" s="23"/>
      <c r="AS51" s="24"/>
      <c r="AT51" s="24"/>
      <c r="AU51" s="24"/>
      <c r="AV51" s="24"/>
      <c r="AW51" s="25"/>
      <c r="AX51" s="23"/>
      <c r="AY51" s="24"/>
      <c r="AZ51" s="24"/>
      <c r="BA51" s="24"/>
      <c r="BB51" s="24"/>
      <c r="BC51" s="24"/>
      <c r="BD51" s="575" t="s">
        <v>67</v>
      </c>
      <c r="BE51" s="576"/>
      <c r="BF51" s="576"/>
      <c r="BG51" s="576" t="s">
        <v>78</v>
      </c>
      <c r="BH51" s="576"/>
      <c r="BI51" s="579"/>
      <c r="BJ51" s="110"/>
      <c r="BK51" s="111"/>
      <c r="BL51" s="111"/>
      <c r="BM51" s="111"/>
      <c r="BN51" s="111"/>
      <c r="BO51" s="24"/>
      <c r="BP51" s="24"/>
      <c r="BQ51" s="24"/>
      <c r="BR51" s="24"/>
      <c r="BS51" s="24"/>
      <c r="BT51" s="24"/>
      <c r="BU51" s="24"/>
      <c r="BV51" s="24"/>
      <c r="BW51" s="25"/>
    </row>
    <row r="52" spans="1:75" ht="12" customHeight="1">
      <c r="A52" s="298"/>
      <c r="B52" s="302"/>
      <c r="C52" s="303"/>
      <c r="D52" s="303"/>
      <c r="E52" s="303"/>
      <c r="F52" s="304"/>
      <c r="G52" s="302"/>
      <c r="H52" s="303"/>
      <c r="I52" s="303"/>
      <c r="J52" s="303"/>
      <c r="K52" s="304"/>
      <c r="L52" s="315"/>
      <c r="M52" s="316"/>
      <c r="N52" s="316"/>
      <c r="O52" s="316"/>
      <c r="P52" s="316"/>
      <c r="Q52" s="316"/>
      <c r="R52" s="316"/>
      <c r="S52" s="316"/>
      <c r="T52" s="316"/>
      <c r="U52" s="318"/>
      <c r="V52" s="315"/>
      <c r="W52" s="316"/>
      <c r="X52" s="316"/>
      <c r="Y52" s="316"/>
      <c r="Z52" s="316"/>
      <c r="AA52" s="316"/>
      <c r="AB52" s="316"/>
      <c r="AC52" s="316"/>
      <c r="AD52" s="316"/>
      <c r="AE52" s="325"/>
      <c r="AF52" s="328"/>
      <c r="AG52" s="309"/>
      <c r="AH52" s="309"/>
      <c r="AI52" s="309"/>
      <c r="AJ52" s="309"/>
      <c r="AK52" s="309"/>
      <c r="AL52" s="574"/>
      <c r="AM52" s="343"/>
      <c r="AN52" s="336"/>
      <c r="AO52" s="336"/>
      <c r="AP52" s="336"/>
      <c r="AQ52" s="337"/>
      <c r="AR52" s="28"/>
      <c r="AS52" s="29"/>
      <c r="AT52" s="29"/>
      <c r="AU52" s="29"/>
      <c r="AV52" s="29"/>
      <c r="AW52" s="30"/>
      <c r="AX52" s="28"/>
      <c r="AY52" s="29"/>
      <c r="AZ52" s="29"/>
      <c r="BA52" s="29"/>
      <c r="BB52" s="29"/>
      <c r="BC52" s="29"/>
      <c r="BD52" s="577"/>
      <c r="BE52" s="578"/>
      <c r="BF52" s="578"/>
      <c r="BG52" s="578"/>
      <c r="BH52" s="578"/>
      <c r="BI52" s="580"/>
      <c r="BJ52" s="112"/>
      <c r="BK52" s="113"/>
      <c r="BL52" s="113"/>
      <c r="BM52" s="113"/>
      <c r="BN52" s="113"/>
      <c r="BO52" s="29"/>
      <c r="BP52" s="29"/>
      <c r="BQ52" s="29"/>
      <c r="BR52" s="29"/>
      <c r="BS52" s="29"/>
      <c r="BT52" s="29"/>
      <c r="BU52" s="29"/>
      <c r="BV52" s="29"/>
      <c r="BW52" s="30"/>
    </row>
    <row r="53" spans="1:75" ht="12" customHeight="1">
      <c r="A53" s="298">
        <v>22</v>
      </c>
      <c r="B53" s="299"/>
      <c r="C53" s="300"/>
      <c r="D53" s="300"/>
      <c r="E53" s="300"/>
      <c r="F53" s="301"/>
      <c r="G53" s="299"/>
      <c r="H53" s="300"/>
      <c r="I53" s="300"/>
      <c r="J53" s="300"/>
      <c r="K53" s="301"/>
      <c r="L53" s="313"/>
      <c r="M53" s="314"/>
      <c r="N53" s="314"/>
      <c r="O53" s="314"/>
      <c r="P53" s="314" t="s">
        <v>32</v>
      </c>
      <c r="Q53" s="314"/>
      <c r="R53" s="314"/>
      <c r="S53" s="314"/>
      <c r="T53" s="314"/>
      <c r="U53" s="317"/>
      <c r="V53" s="313"/>
      <c r="W53" s="314"/>
      <c r="X53" s="314"/>
      <c r="Y53" s="314"/>
      <c r="Z53" s="314" t="s">
        <v>32</v>
      </c>
      <c r="AA53" s="314"/>
      <c r="AB53" s="314"/>
      <c r="AC53" s="314"/>
      <c r="AD53" s="314"/>
      <c r="AE53" s="324"/>
      <c r="AF53" s="326"/>
      <c r="AG53" s="306"/>
      <c r="AH53" s="306"/>
      <c r="AI53" s="306"/>
      <c r="AJ53" s="306"/>
      <c r="AK53" s="306"/>
      <c r="AL53" s="470"/>
      <c r="AM53" s="342"/>
      <c r="AN53" s="333"/>
      <c r="AO53" s="333"/>
      <c r="AP53" s="333"/>
      <c r="AQ53" s="334"/>
      <c r="AR53" s="23"/>
      <c r="AS53" s="24"/>
      <c r="AT53" s="24"/>
      <c r="AU53" s="24"/>
      <c r="AV53" s="24"/>
      <c r="AW53" s="25"/>
      <c r="AX53" s="23"/>
      <c r="AY53" s="24"/>
      <c r="AZ53" s="24"/>
      <c r="BA53" s="24"/>
      <c r="BB53" s="24"/>
      <c r="BC53" s="24"/>
      <c r="BD53" s="575" t="s">
        <v>67</v>
      </c>
      <c r="BE53" s="576"/>
      <c r="BF53" s="576"/>
      <c r="BG53" s="576" t="s">
        <v>78</v>
      </c>
      <c r="BH53" s="576"/>
      <c r="BI53" s="579"/>
      <c r="BJ53" s="110"/>
      <c r="BK53" s="111"/>
      <c r="BL53" s="111"/>
      <c r="BM53" s="111"/>
      <c r="BN53" s="111"/>
      <c r="BO53" s="24"/>
      <c r="BP53" s="24"/>
      <c r="BQ53" s="24"/>
      <c r="BR53" s="24"/>
      <c r="BS53" s="24"/>
      <c r="BT53" s="24"/>
      <c r="BU53" s="24"/>
      <c r="BV53" s="24"/>
      <c r="BW53" s="25"/>
    </row>
    <row r="54" spans="1:75" ht="12" customHeight="1">
      <c r="A54" s="298"/>
      <c r="B54" s="302"/>
      <c r="C54" s="303"/>
      <c r="D54" s="303"/>
      <c r="E54" s="303"/>
      <c r="F54" s="304"/>
      <c r="G54" s="302"/>
      <c r="H54" s="303"/>
      <c r="I54" s="303"/>
      <c r="J54" s="303"/>
      <c r="K54" s="304"/>
      <c r="L54" s="315"/>
      <c r="M54" s="316"/>
      <c r="N54" s="316"/>
      <c r="O54" s="316"/>
      <c r="P54" s="316"/>
      <c r="Q54" s="316"/>
      <c r="R54" s="316"/>
      <c r="S54" s="316"/>
      <c r="T54" s="316"/>
      <c r="U54" s="318"/>
      <c r="V54" s="315"/>
      <c r="W54" s="316"/>
      <c r="X54" s="316"/>
      <c r="Y54" s="316"/>
      <c r="Z54" s="316"/>
      <c r="AA54" s="316"/>
      <c r="AB54" s="316"/>
      <c r="AC54" s="316"/>
      <c r="AD54" s="316"/>
      <c r="AE54" s="325"/>
      <c r="AF54" s="328"/>
      <c r="AG54" s="309"/>
      <c r="AH54" s="309"/>
      <c r="AI54" s="309"/>
      <c r="AJ54" s="309"/>
      <c r="AK54" s="309"/>
      <c r="AL54" s="574"/>
      <c r="AM54" s="343"/>
      <c r="AN54" s="336"/>
      <c r="AO54" s="336"/>
      <c r="AP54" s="336"/>
      <c r="AQ54" s="337"/>
      <c r="AR54" s="28"/>
      <c r="AS54" s="29"/>
      <c r="AT54" s="29"/>
      <c r="AU54" s="29"/>
      <c r="AV54" s="29"/>
      <c r="AW54" s="30"/>
      <c r="AX54" s="28"/>
      <c r="AY54" s="29"/>
      <c r="AZ54" s="29"/>
      <c r="BA54" s="29"/>
      <c r="BB54" s="29"/>
      <c r="BC54" s="29"/>
      <c r="BD54" s="577"/>
      <c r="BE54" s="578"/>
      <c r="BF54" s="578"/>
      <c r="BG54" s="578"/>
      <c r="BH54" s="578"/>
      <c r="BI54" s="580"/>
      <c r="BJ54" s="112"/>
      <c r="BK54" s="113"/>
      <c r="BL54" s="113"/>
      <c r="BM54" s="113"/>
      <c r="BN54" s="113"/>
      <c r="BO54" s="29"/>
      <c r="BP54" s="29"/>
      <c r="BQ54" s="29"/>
      <c r="BR54" s="29"/>
      <c r="BS54" s="29"/>
      <c r="BT54" s="29"/>
      <c r="BU54" s="29"/>
      <c r="BV54" s="29"/>
      <c r="BW54" s="30"/>
    </row>
    <row r="55" spans="1:75" ht="12" customHeight="1">
      <c r="A55" s="298">
        <v>23</v>
      </c>
      <c r="B55" s="299"/>
      <c r="C55" s="300"/>
      <c r="D55" s="300"/>
      <c r="E55" s="300"/>
      <c r="F55" s="301"/>
      <c r="G55" s="299"/>
      <c r="H55" s="300"/>
      <c r="I55" s="300"/>
      <c r="J55" s="300"/>
      <c r="K55" s="301"/>
      <c r="L55" s="313"/>
      <c r="M55" s="314"/>
      <c r="N55" s="314"/>
      <c r="O55" s="314"/>
      <c r="P55" s="314" t="s">
        <v>32</v>
      </c>
      <c r="Q55" s="314"/>
      <c r="R55" s="314"/>
      <c r="S55" s="314"/>
      <c r="T55" s="314"/>
      <c r="U55" s="317"/>
      <c r="V55" s="313"/>
      <c r="W55" s="314"/>
      <c r="X55" s="314"/>
      <c r="Y55" s="314"/>
      <c r="Z55" s="314" t="s">
        <v>32</v>
      </c>
      <c r="AA55" s="314"/>
      <c r="AB55" s="314"/>
      <c r="AC55" s="314"/>
      <c r="AD55" s="314"/>
      <c r="AE55" s="324"/>
      <c r="AF55" s="326"/>
      <c r="AG55" s="306"/>
      <c r="AH55" s="306"/>
      <c r="AI55" s="306"/>
      <c r="AJ55" s="306"/>
      <c r="AK55" s="306"/>
      <c r="AL55" s="470"/>
      <c r="AM55" s="342"/>
      <c r="AN55" s="333"/>
      <c r="AO55" s="333"/>
      <c r="AP55" s="333"/>
      <c r="AQ55" s="334"/>
      <c r="AR55" s="23"/>
      <c r="AS55" s="24"/>
      <c r="AT55" s="24"/>
      <c r="AU55" s="24"/>
      <c r="AV55" s="24"/>
      <c r="AW55" s="25"/>
      <c r="AX55" s="23"/>
      <c r="AY55" s="24"/>
      <c r="AZ55" s="24"/>
      <c r="BA55" s="24"/>
      <c r="BB55" s="24"/>
      <c r="BC55" s="24"/>
      <c r="BD55" s="575" t="s">
        <v>67</v>
      </c>
      <c r="BE55" s="576"/>
      <c r="BF55" s="576"/>
      <c r="BG55" s="576" t="s">
        <v>78</v>
      </c>
      <c r="BH55" s="576"/>
      <c r="BI55" s="579"/>
      <c r="BJ55" s="110"/>
      <c r="BK55" s="111"/>
      <c r="BL55" s="111"/>
      <c r="BM55" s="111"/>
      <c r="BN55" s="111"/>
      <c r="BO55" s="24"/>
      <c r="BP55" s="24"/>
      <c r="BQ55" s="24"/>
      <c r="BR55" s="24"/>
      <c r="BS55" s="24"/>
      <c r="BT55" s="24"/>
      <c r="BU55" s="24"/>
      <c r="BV55" s="24"/>
      <c r="BW55" s="25"/>
    </row>
    <row r="56" spans="1:75" ht="12" customHeight="1">
      <c r="A56" s="298"/>
      <c r="B56" s="302"/>
      <c r="C56" s="303"/>
      <c r="D56" s="303"/>
      <c r="E56" s="303"/>
      <c r="F56" s="304"/>
      <c r="G56" s="302"/>
      <c r="H56" s="303"/>
      <c r="I56" s="303"/>
      <c r="J56" s="303"/>
      <c r="K56" s="304"/>
      <c r="L56" s="315"/>
      <c r="M56" s="316"/>
      <c r="N56" s="316"/>
      <c r="O56" s="316"/>
      <c r="P56" s="316"/>
      <c r="Q56" s="316"/>
      <c r="R56" s="316"/>
      <c r="S56" s="316"/>
      <c r="T56" s="316"/>
      <c r="U56" s="318"/>
      <c r="V56" s="315"/>
      <c r="W56" s="316"/>
      <c r="X56" s="316"/>
      <c r="Y56" s="316"/>
      <c r="Z56" s="316"/>
      <c r="AA56" s="316"/>
      <c r="AB56" s="316"/>
      <c r="AC56" s="316"/>
      <c r="AD56" s="316"/>
      <c r="AE56" s="325"/>
      <c r="AF56" s="328"/>
      <c r="AG56" s="309"/>
      <c r="AH56" s="309"/>
      <c r="AI56" s="309"/>
      <c r="AJ56" s="309"/>
      <c r="AK56" s="309"/>
      <c r="AL56" s="574"/>
      <c r="AM56" s="343"/>
      <c r="AN56" s="336"/>
      <c r="AO56" s="336"/>
      <c r="AP56" s="336"/>
      <c r="AQ56" s="337"/>
      <c r="AR56" s="28"/>
      <c r="AS56" s="29"/>
      <c r="AT56" s="29"/>
      <c r="AU56" s="29"/>
      <c r="AV56" s="29"/>
      <c r="AW56" s="30"/>
      <c r="AX56" s="28"/>
      <c r="AY56" s="29"/>
      <c r="AZ56" s="29"/>
      <c r="BA56" s="29"/>
      <c r="BB56" s="29"/>
      <c r="BC56" s="29"/>
      <c r="BD56" s="577"/>
      <c r="BE56" s="578"/>
      <c r="BF56" s="578"/>
      <c r="BG56" s="578"/>
      <c r="BH56" s="578"/>
      <c r="BI56" s="580"/>
      <c r="BJ56" s="112"/>
      <c r="BK56" s="113"/>
      <c r="BL56" s="113"/>
      <c r="BM56" s="113"/>
      <c r="BN56" s="113"/>
      <c r="BO56" s="29"/>
      <c r="BP56" s="29"/>
      <c r="BQ56" s="29"/>
      <c r="BR56" s="29"/>
      <c r="BS56" s="29"/>
      <c r="BT56" s="29"/>
      <c r="BU56" s="29"/>
      <c r="BV56" s="29"/>
      <c r="BW56" s="30"/>
    </row>
    <row r="57" spans="1:75" ht="12" customHeight="1">
      <c r="A57" s="298">
        <v>24</v>
      </c>
      <c r="B57" s="299"/>
      <c r="C57" s="300"/>
      <c r="D57" s="300"/>
      <c r="E57" s="300"/>
      <c r="F57" s="301"/>
      <c r="G57" s="299"/>
      <c r="H57" s="300"/>
      <c r="I57" s="300"/>
      <c r="J57" s="300"/>
      <c r="K57" s="301"/>
      <c r="L57" s="313"/>
      <c r="M57" s="314"/>
      <c r="N57" s="314"/>
      <c r="O57" s="314"/>
      <c r="P57" s="314" t="s">
        <v>32</v>
      </c>
      <c r="Q57" s="314"/>
      <c r="R57" s="314"/>
      <c r="S57" s="314"/>
      <c r="T57" s="314"/>
      <c r="U57" s="317"/>
      <c r="V57" s="313"/>
      <c r="W57" s="314"/>
      <c r="X57" s="314"/>
      <c r="Y57" s="314"/>
      <c r="Z57" s="314" t="s">
        <v>32</v>
      </c>
      <c r="AA57" s="314"/>
      <c r="AB57" s="314"/>
      <c r="AC57" s="314"/>
      <c r="AD57" s="314"/>
      <c r="AE57" s="324"/>
      <c r="AF57" s="326"/>
      <c r="AG57" s="306"/>
      <c r="AH57" s="306"/>
      <c r="AI57" s="306"/>
      <c r="AJ57" s="306"/>
      <c r="AK57" s="306"/>
      <c r="AL57" s="470"/>
      <c r="AM57" s="342"/>
      <c r="AN57" s="333"/>
      <c r="AO57" s="333"/>
      <c r="AP57" s="333"/>
      <c r="AQ57" s="334"/>
      <c r="AR57" s="23"/>
      <c r="AS57" s="24"/>
      <c r="AT57" s="24"/>
      <c r="AU57" s="24"/>
      <c r="AV57" s="24"/>
      <c r="AW57" s="25"/>
      <c r="AX57" s="23"/>
      <c r="AY57" s="24"/>
      <c r="AZ57" s="24"/>
      <c r="BA57" s="24"/>
      <c r="BB57" s="24"/>
      <c r="BC57" s="24"/>
      <c r="BD57" s="575" t="s">
        <v>67</v>
      </c>
      <c r="BE57" s="576"/>
      <c r="BF57" s="576"/>
      <c r="BG57" s="576" t="s">
        <v>78</v>
      </c>
      <c r="BH57" s="576"/>
      <c r="BI57" s="579"/>
      <c r="BJ57" s="110"/>
      <c r="BK57" s="111"/>
      <c r="BL57" s="111"/>
      <c r="BM57" s="111"/>
      <c r="BN57" s="111"/>
      <c r="BO57" s="24"/>
      <c r="BP57" s="24"/>
      <c r="BQ57" s="24"/>
      <c r="BR57" s="24"/>
      <c r="BS57" s="24"/>
      <c r="BT57" s="24"/>
      <c r="BU57" s="24"/>
      <c r="BV57" s="24"/>
      <c r="BW57" s="25"/>
    </row>
    <row r="58" spans="1:75" ht="12" customHeight="1">
      <c r="A58" s="298"/>
      <c r="B58" s="302"/>
      <c r="C58" s="303"/>
      <c r="D58" s="303"/>
      <c r="E58" s="303"/>
      <c r="F58" s="304"/>
      <c r="G58" s="302"/>
      <c r="H58" s="303"/>
      <c r="I58" s="303"/>
      <c r="J58" s="303"/>
      <c r="K58" s="304"/>
      <c r="L58" s="315"/>
      <c r="M58" s="316"/>
      <c r="N58" s="316"/>
      <c r="O58" s="316"/>
      <c r="P58" s="316"/>
      <c r="Q58" s="316"/>
      <c r="R58" s="316"/>
      <c r="S58" s="316"/>
      <c r="T58" s="316"/>
      <c r="U58" s="318"/>
      <c r="V58" s="315"/>
      <c r="W58" s="316"/>
      <c r="X58" s="316"/>
      <c r="Y58" s="316"/>
      <c r="Z58" s="316"/>
      <c r="AA58" s="316"/>
      <c r="AB58" s="316"/>
      <c r="AC58" s="316"/>
      <c r="AD58" s="316"/>
      <c r="AE58" s="325"/>
      <c r="AF58" s="328"/>
      <c r="AG58" s="309"/>
      <c r="AH58" s="309"/>
      <c r="AI58" s="309"/>
      <c r="AJ58" s="309"/>
      <c r="AK58" s="309"/>
      <c r="AL58" s="574"/>
      <c r="AM58" s="343"/>
      <c r="AN58" s="336"/>
      <c r="AO58" s="336"/>
      <c r="AP58" s="336"/>
      <c r="AQ58" s="337"/>
      <c r="AR58" s="28"/>
      <c r="AS58" s="29"/>
      <c r="AT58" s="29"/>
      <c r="AU58" s="29"/>
      <c r="AV58" s="29"/>
      <c r="AW58" s="30"/>
      <c r="AX58" s="28"/>
      <c r="AY58" s="29"/>
      <c r="AZ58" s="29"/>
      <c r="BA58" s="29"/>
      <c r="BB58" s="29"/>
      <c r="BC58" s="29"/>
      <c r="BD58" s="577"/>
      <c r="BE58" s="578"/>
      <c r="BF58" s="578"/>
      <c r="BG58" s="578"/>
      <c r="BH58" s="578"/>
      <c r="BI58" s="580"/>
      <c r="BJ58" s="112"/>
      <c r="BK58" s="113"/>
      <c r="BL58" s="113"/>
      <c r="BM58" s="113"/>
      <c r="BN58" s="113"/>
      <c r="BO58" s="29"/>
      <c r="BP58" s="29"/>
      <c r="BQ58" s="29"/>
      <c r="BR58" s="29"/>
      <c r="BS58" s="29"/>
      <c r="BT58" s="29"/>
      <c r="BU58" s="29"/>
      <c r="BV58" s="29"/>
      <c r="BW58" s="30"/>
    </row>
    <row r="59" spans="1:75" ht="12" customHeight="1">
      <c r="A59" s="298">
        <v>25</v>
      </c>
      <c r="B59" s="299"/>
      <c r="C59" s="300"/>
      <c r="D59" s="300"/>
      <c r="E59" s="300"/>
      <c r="F59" s="301"/>
      <c r="G59" s="299"/>
      <c r="H59" s="300"/>
      <c r="I59" s="300"/>
      <c r="J59" s="300"/>
      <c r="K59" s="301"/>
      <c r="L59" s="313"/>
      <c r="M59" s="314"/>
      <c r="N59" s="314"/>
      <c r="O59" s="314"/>
      <c r="P59" s="314" t="s">
        <v>32</v>
      </c>
      <c r="Q59" s="314"/>
      <c r="R59" s="314"/>
      <c r="S59" s="314"/>
      <c r="T59" s="314"/>
      <c r="U59" s="317"/>
      <c r="V59" s="313"/>
      <c r="W59" s="314"/>
      <c r="X59" s="314"/>
      <c r="Y59" s="314"/>
      <c r="Z59" s="314" t="s">
        <v>32</v>
      </c>
      <c r="AA59" s="314"/>
      <c r="AB59" s="314"/>
      <c r="AC59" s="314"/>
      <c r="AD59" s="314"/>
      <c r="AE59" s="324"/>
      <c r="AF59" s="326"/>
      <c r="AG59" s="306"/>
      <c r="AH59" s="306"/>
      <c r="AI59" s="306"/>
      <c r="AJ59" s="306"/>
      <c r="AK59" s="306"/>
      <c r="AL59" s="470"/>
      <c r="AM59" s="342"/>
      <c r="AN59" s="333"/>
      <c r="AO59" s="333"/>
      <c r="AP59" s="333"/>
      <c r="AQ59" s="334"/>
      <c r="AR59" s="23"/>
      <c r="AS59" s="24"/>
      <c r="AT59" s="24"/>
      <c r="AU59" s="24"/>
      <c r="AV59" s="24"/>
      <c r="AW59" s="25"/>
      <c r="AX59" s="23"/>
      <c r="AY59" s="24"/>
      <c r="AZ59" s="24"/>
      <c r="BA59" s="24"/>
      <c r="BB59" s="24"/>
      <c r="BC59" s="24"/>
      <c r="BD59" s="575" t="s">
        <v>67</v>
      </c>
      <c r="BE59" s="576"/>
      <c r="BF59" s="576"/>
      <c r="BG59" s="576" t="s">
        <v>78</v>
      </c>
      <c r="BH59" s="576"/>
      <c r="BI59" s="579"/>
      <c r="BJ59" s="110"/>
      <c r="BK59" s="111"/>
      <c r="BL59" s="111"/>
      <c r="BM59" s="111"/>
      <c r="BN59" s="111"/>
      <c r="BO59" s="24"/>
      <c r="BP59" s="24"/>
      <c r="BQ59" s="24"/>
      <c r="BR59" s="24"/>
      <c r="BS59" s="24"/>
      <c r="BT59" s="24"/>
      <c r="BU59" s="24"/>
      <c r="BV59" s="24"/>
      <c r="BW59" s="25"/>
    </row>
    <row r="60" spans="1:75" ht="12" customHeight="1" thickBot="1">
      <c r="A60" s="298"/>
      <c r="B60" s="345"/>
      <c r="C60" s="346"/>
      <c r="D60" s="346"/>
      <c r="E60" s="346"/>
      <c r="F60" s="347"/>
      <c r="G60" s="345"/>
      <c r="H60" s="346"/>
      <c r="I60" s="346"/>
      <c r="J60" s="346"/>
      <c r="K60" s="347"/>
      <c r="L60" s="351"/>
      <c r="M60" s="352"/>
      <c r="N60" s="352"/>
      <c r="O60" s="352"/>
      <c r="P60" s="352"/>
      <c r="Q60" s="352"/>
      <c r="R60" s="352"/>
      <c r="S60" s="352"/>
      <c r="T60" s="352"/>
      <c r="U60" s="388"/>
      <c r="V60" s="351"/>
      <c r="W60" s="352"/>
      <c r="X60" s="352"/>
      <c r="Y60" s="352"/>
      <c r="Z60" s="352"/>
      <c r="AA60" s="352"/>
      <c r="AB60" s="352"/>
      <c r="AC60" s="352"/>
      <c r="AD60" s="352"/>
      <c r="AE60" s="389"/>
      <c r="AF60" s="390"/>
      <c r="AG60" s="349"/>
      <c r="AH60" s="349"/>
      <c r="AI60" s="349"/>
      <c r="AJ60" s="349"/>
      <c r="AK60" s="349"/>
      <c r="AL60" s="471"/>
      <c r="AM60" s="594"/>
      <c r="AN60" s="384"/>
      <c r="AO60" s="384"/>
      <c r="AP60" s="384"/>
      <c r="AQ60" s="385"/>
      <c r="AR60" s="33"/>
      <c r="AS60" s="34"/>
      <c r="AT60" s="34"/>
      <c r="AU60" s="34"/>
      <c r="AV60" s="34"/>
      <c r="AW60" s="35"/>
      <c r="AX60" s="33"/>
      <c r="AY60" s="34"/>
      <c r="AZ60" s="34"/>
      <c r="BA60" s="34"/>
      <c r="BB60" s="34"/>
      <c r="BC60" s="34"/>
      <c r="BD60" s="577"/>
      <c r="BE60" s="578"/>
      <c r="BF60" s="578"/>
      <c r="BG60" s="578"/>
      <c r="BH60" s="578"/>
      <c r="BI60" s="580"/>
      <c r="BJ60" s="116"/>
      <c r="BK60" s="117"/>
      <c r="BL60" s="117"/>
      <c r="BM60" s="117"/>
      <c r="BN60" s="117"/>
      <c r="BO60" s="34"/>
      <c r="BP60" s="34"/>
      <c r="BQ60" s="34"/>
      <c r="BR60" s="34"/>
      <c r="BS60" s="34"/>
      <c r="BT60" s="34"/>
      <c r="BU60" s="34"/>
      <c r="BV60" s="34"/>
      <c r="BW60" s="35"/>
    </row>
    <row r="61" spans="1:75" s="5" customFormat="1" ht="12.6" customHeight="1" thickTop="1">
      <c r="A61" s="160"/>
      <c r="B61" s="4"/>
      <c r="C61" s="2"/>
      <c r="D61" s="2"/>
      <c r="E61" s="2"/>
      <c r="F61" s="2"/>
      <c r="G61" s="2"/>
      <c r="H61" s="2"/>
      <c r="I61" s="2"/>
      <c r="J61" s="2"/>
      <c r="K61" s="2"/>
      <c r="L61" s="2"/>
      <c r="M61" s="2"/>
      <c r="N61" s="2"/>
      <c r="O61" s="2"/>
      <c r="P61" s="2"/>
      <c r="Q61" s="2"/>
      <c r="R61" s="2"/>
      <c r="S61" s="2"/>
      <c r="T61" s="2"/>
      <c r="U61" s="2"/>
      <c r="V61" s="2"/>
      <c r="W61" s="2"/>
      <c r="X61" s="2"/>
      <c r="Y61" s="2"/>
      <c r="Z61" s="2"/>
      <c r="AA61" s="2"/>
      <c r="AB61" s="2"/>
      <c r="AC61" s="2"/>
      <c r="AD61" s="2"/>
      <c r="AE61" s="137"/>
      <c r="AF61" s="364" t="s">
        <v>51</v>
      </c>
      <c r="AG61" s="581"/>
      <c r="AH61" s="581"/>
      <c r="AI61" s="581"/>
      <c r="AJ61" s="581"/>
      <c r="AK61" s="581"/>
      <c r="AL61" s="582"/>
      <c r="AM61" s="364" t="s">
        <v>36</v>
      </c>
      <c r="AN61" s="581"/>
      <c r="AO61" s="581"/>
      <c r="AP61" s="581"/>
      <c r="AQ61" s="582"/>
      <c r="AR61" s="237" t="s">
        <v>90</v>
      </c>
      <c r="AS61" s="238"/>
      <c r="AT61" s="238"/>
      <c r="AU61" s="238"/>
      <c r="AV61" s="238"/>
      <c r="AW61" s="238"/>
      <c r="AX61" s="238"/>
      <c r="AY61" s="238"/>
      <c r="AZ61" s="238"/>
      <c r="BA61" s="238"/>
      <c r="BB61" s="238"/>
      <c r="BC61" s="239"/>
      <c r="BD61" s="584"/>
      <c r="BE61" s="584"/>
      <c r="BF61" s="585"/>
      <c r="BG61" s="589"/>
      <c r="BH61" s="584"/>
      <c r="BI61" s="590"/>
      <c r="BJ61" s="61"/>
      <c r="BK61" s="12"/>
      <c r="BL61" s="12"/>
      <c r="BM61" s="12"/>
      <c r="BN61" s="12"/>
      <c r="BO61" s="12"/>
      <c r="BP61" s="12"/>
      <c r="BQ61" s="12"/>
      <c r="BR61" s="12"/>
      <c r="BS61" s="12"/>
      <c r="BT61" s="12"/>
      <c r="BU61" s="12"/>
      <c r="BV61" s="12"/>
      <c r="BW61" s="13"/>
    </row>
    <row r="62" spans="1:75" s="5" customFormat="1" ht="12.6" customHeight="1">
      <c r="A62" s="160"/>
      <c r="B62" s="7"/>
      <c r="C62" s="8"/>
      <c r="D62" s="8"/>
      <c r="E62" s="8"/>
      <c r="F62" s="8"/>
      <c r="G62" s="8"/>
      <c r="H62" s="8"/>
      <c r="I62" s="8"/>
      <c r="J62" s="8"/>
      <c r="K62" s="8"/>
      <c r="L62" s="8"/>
      <c r="M62" s="8"/>
      <c r="N62" s="8"/>
      <c r="O62" s="8"/>
      <c r="P62" s="8"/>
      <c r="Q62" s="8"/>
      <c r="R62" s="8"/>
      <c r="S62" s="8"/>
      <c r="T62" s="8"/>
      <c r="U62" s="8"/>
      <c r="V62" s="8"/>
      <c r="W62" s="8"/>
      <c r="X62" s="8"/>
      <c r="Y62" s="8"/>
      <c r="Z62" s="8"/>
      <c r="AA62" s="8"/>
      <c r="AB62" s="8"/>
      <c r="AC62" s="8"/>
      <c r="AD62" s="8"/>
      <c r="AE62" s="138"/>
      <c r="AF62" s="242"/>
      <c r="AG62" s="219"/>
      <c r="AH62" s="219"/>
      <c r="AI62" s="219"/>
      <c r="AJ62" s="219"/>
      <c r="AK62" s="219"/>
      <c r="AL62" s="583"/>
      <c r="AM62" s="242"/>
      <c r="AN62" s="219"/>
      <c r="AO62" s="219"/>
      <c r="AP62" s="219"/>
      <c r="AQ62" s="583"/>
      <c r="AR62" s="363" t="s">
        <v>88</v>
      </c>
      <c r="AS62" s="200"/>
      <c r="AT62" s="200"/>
      <c r="AU62" s="200"/>
      <c r="AV62" s="200"/>
      <c r="AW62" s="200"/>
      <c r="AX62" s="207" t="s">
        <v>89</v>
      </c>
      <c r="AY62" s="200"/>
      <c r="AZ62" s="200"/>
      <c r="BA62" s="200"/>
      <c r="BB62" s="200"/>
      <c r="BC62" s="230"/>
      <c r="BD62" s="586"/>
      <c r="BE62" s="586"/>
      <c r="BF62" s="587"/>
      <c r="BG62" s="591"/>
      <c r="BH62" s="586"/>
      <c r="BI62" s="592"/>
      <c r="BJ62" s="62"/>
      <c r="BK62" s="14"/>
      <c r="BL62" s="14"/>
      <c r="BM62" s="14"/>
      <c r="BN62" s="14"/>
      <c r="BO62" s="14"/>
      <c r="BP62" s="14"/>
      <c r="BQ62" s="14"/>
      <c r="BR62" s="14"/>
      <c r="BS62" s="14"/>
      <c r="BT62" s="14"/>
      <c r="BU62" s="14"/>
      <c r="BV62" s="14"/>
      <c r="BW62" s="15"/>
    </row>
    <row r="63" spans="1:75" ht="12.6" customHeight="1">
      <c r="A63" s="78"/>
      <c r="B63" s="7"/>
      <c r="C63" s="8"/>
      <c r="D63" s="8"/>
      <c r="E63" s="8"/>
      <c r="F63" s="8"/>
      <c r="G63" s="8"/>
      <c r="H63" s="8"/>
      <c r="I63" s="8"/>
      <c r="J63" s="8"/>
      <c r="K63" s="8"/>
      <c r="L63" s="8"/>
      <c r="M63" s="8"/>
      <c r="N63" s="8"/>
      <c r="O63" s="8"/>
      <c r="P63" s="8"/>
      <c r="Q63" s="8"/>
      <c r="R63" s="8"/>
      <c r="S63" s="8"/>
      <c r="T63" s="8"/>
      <c r="U63" s="8"/>
      <c r="V63" s="8"/>
      <c r="W63" s="8"/>
      <c r="X63" s="8"/>
      <c r="Y63" s="8"/>
      <c r="Z63" s="8"/>
      <c r="AA63" s="8"/>
      <c r="AB63" s="8"/>
      <c r="AC63" s="8"/>
      <c r="AD63" s="8"/>
      <c r="AE63" s="138"/>
      <c r="AF63" s="163"/>
      <c r="AG63" s="162"/>
      <c r="AH63" s="162"/>
      <c r="AI63" s="162"/>
      <c r="AJ63" s="162"/>
      <c r="AK63" s="162"/>
      <c r="AL63" s="167"/>
      <c r="AM63" s="97"/>
      <c r="AN63" s="39"/>
      <c r="AO63" s="39"/>
      <c r="AP63" s="39"/>
      <c r="AQ63" s="140"/>
      <c r="AR63" s="97"/>
      <c r="AS63" s="39"/>
      <c r="AT63" s="39"/>
      <c r="AU63" s="39"/>
      <c r="AV63" s="39"/>
      <c r="AW63" s="39"/>
      <c r="AX63" s="38"/>
      <c r="AY63" s="39"/>
      <c r="AZ63" s="39"/>
      <c r="BA63" s="39"/>
      <c r="BB63" s="39"/>
      <c r="BC63" s="140"/>
      <c r="BD63" s="586"/>
      <c r="BE63" s="586"/>
      <c r="BF63" s="587"/>
      <c r="BG63" s="591"/>
      <c r="BH63" s="586"/>
      <c r="BI63" s="592"/>
      <c r="BJ63" s="98"/>
      <c r="BK63" s="40"/>
      <c r="BL63" s="40"/>
      <c r="BM63" s="40"/>
      <c r="BN63" s="40"/>
      <c r="BO63" s="40"/>
      <c r="BP63" s="40"/>
      <c r="BQ63" s="40"/>
      <c r="BR63" s="40"/>
      <c r="BS63" s="40"/>
      <c r="BT63" s="40"/>
      <c r="BU63" s="40"/>
      <c r="BV63" s="40"/>
      <c r="BW63" s="41"/>
    </row>
    <row r="64" spans="1:75" ht="12.6" customHeight="1" thickBot="1">
      <c r="A64" s="78"/>
      <c r="B64" s="118"/>
      <c r="C64" s="166"/>
      <c r="D64" s="166"/>
      <c r="E64" s="166"/>
      <c r="F64" s="166"/>
      <c r="G64" s="166"/>
      <c r="H64" s="166"/>
      <c r="I64" s="166"/>
      <c r="J64" s="166"/>
      <c r="K64" s="166"/>
      <c r="L64" s="166"/>
      <c r="M64" s="166"/>
      <c r="N64" s="166"/>
      <c r="O64" s="166"/>
      <c r="P64" s="166"/>
      <c r="Q64" s="166"/>
      <c r="R64" s="166"/>
      <c r="S64" s="166"/>
      <c r="T64" s="166"/>
      <c r="U64" s="166"/>
      <c r="V64" s="166"/>
      <c r="W64" s="166"/>
      <c r="X64" s="166"/>
      <c r="Y64" s="166"/>
      <c r="Z64" s="166"/>
      <c r="AA64" s="166"/>
      <c r="AB64" s="166"/>
      <c r="AC64" s="166"/>
      <c r="AD64" s="166"/>
      <c r="AE64" s="139"/>
      <c r="AF64" s="165"/>
      <c r="AG64" s="164"/>
      <c r="AH64" s="164"/>
      <c r="AI64" s="164"/>
      <c r="AJ64" s="164"/>
      <c r="AK64" s="164"/>
      <c r="AL64" s="168"/>
      <c r="AM64" s="99"/>
      <c r="AN64" s="43"/>
      <c r="AO64" s="43"/>
      <c r="AP64" s="43"/>
      <c r="AQ64" s="145"/>
      <c r="AR64" s="141"/>
      <c r="AS64" s="142"/>
      <c r="AT64" s="142"/>
      <c r="AU64" s="142"/>
      <c r="AV64" s="142"/>
      <c r="AW64" s="142"/>
      <c r="AX64" s="143"/>
      <c r="AY64" s="142"/>
      <c r="AZ64" s="142"/>
      <c r="BA64" s="142"/>
      <c r="BB64" s="142"/>
      <c r="BC64" s="144"/>
      <c r="BD64" s="396"/>
      <c r="BE64" s="396"/>
      <c r="BF64" s="588"/>
      <c r="BG64" s="593"/>
      <c r="BH64" s="396"/>
      <c r="BI64" s="204"/>
      <c r="BJ64" s="100"/>
      <c r="BK64" s="44"/>
      <c r="BL64" s="44"/>
      <c r="BM64" s="44"/>
      <c r="BN64" s="44"/>
      <c r="BO64" s="44"/>
      <c r="BP64" s="44"/>
      <c r="BQ64" s="44"/>
      <c r="BR64" s="44"/>
      <c r="BS64" s="44"/>
      <c r="BT64" s="44"/>
      <c r="BU64" s="44"/>
      <c r="BV64" s="44"/>
      <c r="BW64" s="45"/>
    </row>
    <row r="65" spans="1:109" ht="9" customHeight="1" thickTop="1">
      <c r="A65" s="89"/>
      <c r="B65" s="40"/>
      <c r="C65" s="46"/>
      <c r="D65" s="46"/>
      <c r="E65" s="46"/>
      <c r="F65" s="46"/>
      <c r="G65" s="46"/>
      <c r="H65" s="46"/>
      <c r="I65" s="46"/>
      <c r="J65" s="46"/>
      <c r="K65" s="46"/>
      <c r="L65" s="46"/>
      <c r="M65" s="46"/>
      <c r="N65" s="46"/>
      <c r="O65" s="46"/>
      <c r="P65" s="46"/>
      <c r="Q65" s="47"/>
      <c r="R65" s="47"/>
      <c r="S65" s="47"/>
      <c r="T65" s="47"/>
      <c r="U65" s="47"/>
      <c r="V65" s="47"/>
      <c r="W65" s="21"/>
      <c r="X65" s="21"/>
      <c r="Y65" s="21"/>
      <c r="Z65" s="21"/>
      <c r="AA65" s="21"/>
      <c r="AB65" s="21"/>
      <c r="AC65" s="21"/>
      <c r="AD65" s="21"/>
      <c r="AE65" s="21"/>
      <c r="AF65" s="21"/>
      <c r="AG65" s="21"/>
      <c r="AH65" s="21"/>
      <c r="AI65" s="21"/>
      <c r="AJ65" s="21"/>
      <c r="AK65" s="21"/>
      <c r="AL65" s="21"/>
      <c r="AM65" s="21"/>
      <c r="AN65" s="21"/>
      <c r="AO65" s="21"/>
      <c r="AP65" s="21"/>
      <c r="AQ65" s="21"/>
      <c r="AR65" s="21"/>
      <c r="AS65" s="47"/>
      <c r="AT65" s="47"/>
      <c r="AU65" s="47"/>
      <c r="AV65" s="47"/>
      <c r="AW65" s="34"/>
      <c r="AX65" s="34"/>
      <c r="AY65" s="34"/>
      <c r="AZ65" s="34"/>
      <c r="BA65" s="34"/>
      <c r="BB65" s="34"/>
      <c r="BC65" s="34"/>
      <c r="BD65" s="34"/>
      <c r="BE65" s="34"/>
      <c r="BF65" s="34"/>
      <c r="BG65" s="34"/>
      <c r="BH65" s="34"/>
      <c r="BI65" s="34"/>
      <c r="BJ65" s="34"/>
      <c r="BK65" s="34"/>
      <c r="BL65" s="34"/>
      <c r="BM65" s="34"/>
      <c r="BN65" s="34"/>
      <c r="BO65" s="34"/>
      <c r="BP65" s="34"/>
      <c r="BQ65" s="34"/>
      <c r="BR65" s="34"/>
      <c r="BS65" s="34"/>
      <c r="BT65" s="34"/>
      <c r="BU65" s="34"/>
      <c r="BV65" s="34"/>
      <c r="BW65" s="34"/>
      <c r="BZ65" s="160"/>
      <c r="CA65" s="160"/>
      <c r="CB65" s="160"/>
      <c r="CC65" s="160"/>
      <c r="CD65" s="160"/>
      <c r="CE65" s="160"/>
      <c r="CF65" s="160"/>
      <c r="CG65" s="160"/>
      <c r="CH65" s="160"/>
      <c r="CI65" s="160"/>
      <c r="CJ65" s="160"/>
      <c r="CK65" s="160"/>
      <c r="CL65" s="160"/>
      <c r="CM65" s="160"/>
      <c r="CN65" s="160"/>
      <c r="CO65" s="160"/>
      <c r="CP65" s="160"/>
      <c r="CQ65" s="160"/>
      <c r="CR65" s="160"/>
      <c r="CS65" s="160"/>
      <c r="CT65" s="160"/>
      <c r="CU65" s="160"/>
      <c r="CV65" s="160"/>
      <c r="CW65" s="160"/>
      <c r="CX65" s="160"/>
      <c r="CY65" s="160"/>
      <c r="CZ65" s="160"/>
      <c r="DA65" s="160"/>
      <c r="DB65" s="160"/>
      <c r="DC65" s="160"/>
      <c r="DD65" s="160"/>
      <c r="DE65" s="160"/>
    </row>
    <row r="66" spans="1:109" s="5" customFormat="1" ht="12.6" customHeight="1">
      <c r="B66" s="205" t="s">
        <v>95</v>
      </c>
      <c r="C66" s="198"/>
      <c r="D66" s="198"/>
      <c r="E66" s="198"/>
      <c r="F66" s="198"/>
      <c r="G66" s="198"/>
      <c r="H66" s="198"/>
      <c r="I66" s="212" t="s">
        <v>96</v>
      </c>
      <c r="J66" s="198"/>
      <c r="K66" s="198"/>
      <c r="L66" s="198"/>
      <c r="M66" s="221"/>
      <c r="N66" s="205" t="s">
        <v>98</v>
      </c>
      <c r="O66" s="198"/>
      <c r="P66" s="198"/>
      <c r="Q66" s="198"/>
      <c r="R66" s="198"/>
      <c r="S66" s="198"/>
      <c r="T66" s="198"/>
      <c r="U66" s="198"/>
      <c r="V66" s="198"/>
      <c r="W66" s="221"/>
      <c r="X66" s="568" t="s">
        <v>132</v>
      </c>
      <c r="Y66" s="569"/>
      <c r="Z66" s="569"/>
      <c r="AA66" s="569"/>
      <c r="AB66" s="570"/>
      <c r="AC66" s="169"/>
      <c r="AD66" s="169"/>
      <c r="AE66" s="212" t="s">
        <v>97</v>
      </c>
      <c r="AF66" s="198"/>
      <c r="AG66" s="198"/>
      <c r="AH66" s="198"/>
      <c r="AI66" s="198"/>
      <c r="AJ66" s="198"/>
      <c r="AK66" s="198"/>
      <c r="AL66" s="198"/>
      <c r="AM66" s="221"/>
      <c r="AN66" s="212" t="s">
        <v>96</v>
      </c>
      <c r="AO66" s="198"/>
      <c r="AP66" s="198"/>
      <c r="AQ66" s="198"/>
      <c r="AR66" s="221"/>
      <c r="AS66" s="205" t="s">
        <v>98</v>
      </c>
      <c r="AT66" s="198"/>
      <c r="AU66" s="198"/>
      <c r="AV66" s="198"/>
      <c r="AW66" s="198"/>
      <c r="AX66" s="198"/>
      <c r="AY66" s="198"/>
      <c r="AZ66" s="198"/>
      <c r="BA66" s="198"/>
      <c r="BB66" s="221"/>
      <c r="BC66" s="568" t="s">
        <v>132</v>
      </c>
      <c r="BD66" s="569"/>
      <c r="BE66" s="569"/>
      <c r="BF66" s="569"/>
      <c r="BG66" s="570"/>
      <c r="BH66" s="10"/>
      <c r="BJ66" s="460"/>
      <c r="BK66" s="460"/>
      <c r="BL66" s="460"/>
      <c r="BM66" s="460"/>
      <c r="BN66" s="460" t="s">
        <v>44</v>
      </c>
      <c r="BO66" s="460"/>
      <c r="BP66" s="460"/>
      <c r="BQ66" s="460"/>
      <c r="BR66" s="460"/>
      <c r="BS66" s="460"/>
      <c r="BT66" s="460"/>
      <c r="BU66" s="460" t="s">
        <v>45</v>
      </c>
      <c r="BV66" s="460"/>
      <c r="BW66" s="460"/>
    </row>
    <row r="67" spans="1:109" s="5" customFormat="1" ht="12.6" customHeight="1">
      <c r="B67" s="207"/>
      <c r="C67" s="200"/>
      <c r="D67" s="200"/>
      <c r="E67" s="200"/>
      <c r="F67" s="200"/>
      <c r="G67" s="200"/>
      <c r="H67" s="200"/>
      <c r="I67" s="207"/>
      <c r="J67" s="200"/>
      <c r="K67" s="200"/>
      <c r="L67" s="200"/>
      <c r="M67" s="225"/>
      <c r="N67" s="207"/>
      <c r="O67" s="200"/>
      <c r="P67" s="200"/>
      <c r="Q67" s="200"/>
      <c r="R67" s="200"/>
      <c r="S67" s="200"/>
      <c r="T67" s="200"/>
      <c r="U67" s="200"/>
      <c r="V67" s="200"/>
      <c r="W67" s="225"/>
      <c r="X67" s="571"/>
      <c r="Y67" s="572"/>
      <c r="Z67" s="572"/>
      <c r="AA67" s="572"/>
      <c r="AB67" s="573"/>
      <c r="AC67" s="169"/>
      <c r="AD67" s="169"/>
      <c r="AE67" s="207"/>
      <c r="AF67" s="200"/>
      <c r="AG67" s="200"/>
      <c r="AH67" s="200"/>
      <c r="AI67" s="200"/>
      <c r="AJ67" s="200"/>
      <c r="AK67" s="200"/>
      <c r="AL67" s="200"/>
      <c r="AM67" s="225"/>
      <c r="AN67" s="207"/>
      <c r="AO67" s="200"/>
      <c r="AP67" s="200"/>
      <c r="AQ67" s="200"/>
      <c r="AR67" s="225"/>
      <c r="AS67" s="207"/>
      <c r="AT67" s="200"/>
      <c r="AU67" s="200"/>
      <c r="AV67" s="200"/>
      <c r="AW67" s="200"/>
      <c r="AX67" s="200"/>
      <c r="AY67" s="200"/>
      <c r="AZ67" s="200"/>
      <c r="BA67" s="200"/>
      <c r="BB67" s="225"/>
      <c r="BC67" s="571"/>
      <c r="BD67" s="572"/>
      <c r="BE67" s="572"/>
      <c r="BF67" s="572"/>
      <c r="BG67" s="573"/>
      <c r="BJ67" s="461"/>
      <c r="BK67" s="461"/>
      <c r="BL67" s="461"/>
      <c r="BM67" s="461"/>
      <c r="BN67" s="461"/>
      <c r="BO67" s="461"/>
      <c r="BP67" s="461"/>
      <c r="BQ67" s="461"/>
      <c r="BR67" s="461"/>
      <c r="BS67" s="461"/>
      <c r="BT67" s="461"/>
      <c r="BU67" s="461"/>
      <c r="BV67" s="461"/>
      <c r="BW67" s="461"/>
    </row>
    <row r="68" spans="1:109" s="5" customFormat="1" ht="12.15" customHeight="1">
      <c r="B68" s="5" t="s">
        <v>71</v>
      </c>
      <c r="AN68" s="11"/>
    </row>
    <row r="69" spans="1:109" s="5" customFormat="1" ht="12.15" customHeight="1"/>
    <row r="70" spans="1:109" s="5" customFormat="1" ht="12.15" customHeight="1"/>
    <row r="71" spans="1:109" s="5" customFormat="1" ht="12.15" customHeight="1"/>
    <row r="72" spans="1:109" ht="12.15" customHeight="1"/>
  </sheetData>
  <mergeCells count="393">
    <mergeCell ref="B5:I7"/>
    <mergeCell ref="K5:O7"/>
    <mergeCell ref="P5:U7"/>
    <mergeCell ref="X7:AE7"/>
    <mergeCell ref="V5:AE6"/>
    <mergeCell ref="AF5:AS6"/>
    <mergeCell ref="AF7:AS7"/>
    <mergeCell ref="R11:U12"/>
    <mergeCell ref="V11:Y12"/>
    <mergeCell ref="Z11:AA12"/>
    <mergeCell ref="L10:U10"/>
    <mergeCell ref="V10:AE10"/>
    <mergeCell ref="AM9:AQ10"/>
    <mergeCell ref="AR9:AW10"/>
    <mergeCell ref="AM11:AQ12"/>
    <mergeCell ref="BR2:BS3"/>
    <mergeCell ref="BT2:BU3"/>
    <mergeCell ref="B3:C4"/>
    <mergeCell ref="D3:E4"/>
    <mergeCell ref="F3:G4"/>
    <mergeCell ref="H3:I4"/>
    <mergeCell ref="J3:K4"/>
    <mergeCell ref="L3:M4"/>
    <mergeCell ref="N3:O4"/>
    <mergeCell ref="P3:Q4"/>
    <mergeCell ref="BF2:BG3"/>
    <mergeCell ref="BH2:BI3"/>
    <mergeCell ref="BJ2:BK3"/>
    <mergeCell ref="BL2:BM3"/>
    <mergeCell ref="BN2:BO3"/>
    <mergeCell ref="BP2:BQ3"/>
    <mergeCell ref="B2:U2"/>
    <mergeCell ref="V2:AE4"/>
    <mergeCell ref="AF2:AS4"/>
    <mergeCell ref="AT2:BA3"/>
    <mergeCell ref="BB2:BC3"/>
    <mergeCell ref="BD2:BE3"/>
    <mergeCell ref="R3:S4"/>
    <mergeCell ref="T3:U4"/>
    <mergeCell ref="A11:A12"/>
    <mergeCell ref="B11:F12"/>
    <mergeCell ref="G11:K12"/>
    <mergeCell ref="L11:O12"/>
    <mergeCell ref="P11:Q12"/>
    <mergeCell ref="B9:F10"/>
    <mergeCell ref="G9:K10"/>
    <mergeCell ref="L9:AE9"/>
    <mergeCell ref="AF9:AL10"/>
    <mergeCell ref="AB11:AE12"/>
    <mergeCell ref="AF11:AL12"/>
    <mergeCell ref="AM13:AQ14"/>
    <mergeCell ref="BD13:BF14"/>
    <mergeCell ref="BG13:BI14"/>
    <mergeCell ref="A15:A16"/>
    <mergeCell ref="B15:F16"/>
    <mergeCell ref="G15:K16"/>
    <mergeCell ref="L15:O16"/>
    <mergeCell ref="P15:Q16"/>
    <mergeCell ref="BD15:BF16"/>
    <mergeCell ref="BG15:BI16"/>
    <mergeCell ref="AB15:AE16"/>
    <mergeCell ref="AF15:AL16"/>
    <mergeCell ref="AM15:AQ16"/>
    <mergeCell ref="A13:A14"/>
    <mergeCell ref="B13:F14"/>
    <mergeCell ref="G13:K14"/>
    <mergeCell ref="L13:O14"/>
    <mergeCell ref="P13:Q14"/>
    <mergeCell ref="R13:U14"/>
    <mergeCell ref="V13:Y14"/>
    <mergeCell ref="Z13:AA14"/>
    <mergeCell ref="AB13:AE14"/>
    <mergeCell ref="AF13:AL14"/>
    <mergeCell ref="A17:A18"/>
    <mergeCell ref="B17:F18"/>
    <mergeCell ref="G17:K18"/>
    <mergeCell ref="L17:O18"/>
    <mergeCell ref="P17:Q18"/>
    <mergeCell ref="R17:U18"/>
    <mergeCell ref="V17:Y18"/>
    <mergeCell ref="Z17:AA18"/>
    <mergeCell ref="R15:U16"/>
    <mergeCell ref="V15:Y16"/>
    <mergeCell ref="Z15:AA16"/>
    <mergeCell ref="A19:A20"/>
    <mergeCell ref="B19:F20"/>
    <mergeCell ref="G19:K20"/>
    <mergeCell ref="L19:O20"/>
    <mergeCell ref="P19:Q20"/>
    <mergeCell ref="BD19:BF20"/>
    <mergeCell ref="BG19:BI20"/>
    <mergeCell ref="AB19:AE20"/>
    <mergeCell ref="AF19:AL20"/>
    <mergeCell ref="AM19:AQ20"/>
    <mergeCell ref="V21:Y22"/>
    <mergeCell ref="Z21:AA22"/>
    <mergeCell ref="R19:U20"/>
    <mergeCell ref="V19:Y20"/>
    <mergeCell ref="Z19:AA20"/>
    <mergeCell ref="AB17:AE18"/>
    <mergeCell ref="AF17:AL18"/>
    <mergeCell ref="AM17:AQ18"/>
    <mergeCell ref="BD17:BF18"/>
    <mergeCell ref="R23:U24"/>
    <mergeCell ref="V23:Y24"/>
    <mergeCell ref="Z23:AA24"/>
    <mergeCell ref="AB21:AE22"/>
    <mergeCell ref="AF21:AL22"/>
    <mergeCell ref="AM21:AQ22"/>
    <mergeCell ref="BD21:BF22"/>
    <mergeCell ref="BG21:BI22"/>
    <mergeCell ref="A23:A24"/>
    <mergeCell ref="B23:F24"/>
    <mergeCell ref="G23:K24"/>
    <mergeCell ref="L23:O24"/>
    <mergeCell ref="P23:Q24"/>
    <mergeCell ref="BD23:BF24"/>
    <mergeCell ref="BG23:BI24"/>
    <mergeCell ref="AB23:AE24"/>
    <mergeCell ref="AF23:AL24"/>
    <mergeCell ref="AM23:AQ24"/>
    <mergeCell ref="A21:A22"/>
    <mergeCell ref="B21:F22"/>
    <mergeCell ref="G21:K22"/>
    <mergeCell ref="L21:O22"/>
    <mergeCell ref="P21:Q22"/>
    <mergeCell ref="R21:U22"/>
    <mergeCell ref="AB25:AE26"/>
    <mergeCell ref="AF25:AL26"/>
    <mergeCell ref="AM25:AQ26"/>
    <mergeCell ref="BD25:BF26"/>
    <mergeCell ref="BG25:BI26"/>
    <mergeCell ref="A27:A28"/>
    <mergeCell ref="B27:F28"/>
    <mergeCell ref="G27:K28"/>
    <mergeCell ref="L27:O28"/>
    <mergeCell ref="P27:Q28"/>
    <mergeCell ref="BD27:BF28"/>
    <mergeCell ref="BG27:BI28"/>
    <mergeCell ref="AB27:AE28"/>
    <mergeCell ref="AF27:AL28"/>
    <mergeCell ref="AM27:AQ28"/>
    <mergeCell ref="A25:A26"/>
    <mergeCell ref="B25:F26"/>
    <mergeCell ref="G25:K26"/>
    <mergeCell ref="L25:O26"/>
    <mergeCell ref="P25:Q26"/>
    <mergeCell ref="R25:U26"/>
    <mergeCell ref="V25:Y26"/>
    <mergeCell ref="Z25:AA26"/>
    <mergeCell ref="A29:A30"/>
    <mergeCell ref="B29:F30"/>
    <mergeCell ref="G29:K30"/>
    <mergeCell ref="L29:O30"/>
    <mergeCell ref="P29:Q30"/>
    <mergeCell ref="R29:U30"/>
    <mergeCell ref="V29:Y30"/>
    <mergeCell ref="Z29:AA30"/>
    <mergeCell ref="R27:U28"/>
    <mergeCell ref="V27:Y28"/>
    <mergeCell ref="Z27:AA28"/>
    <mergeCell ref="A31:A32"/>
    <mergeCell ref="B31:F32"/>
    <mergeCell ref="G31:K32"/>
    <mergeCell ref="L31:O32"/>
    <mergeCell ref="P31:Q32"/>
    <mergeCell ref="BD31:BF32"/>
    <mergeCell ref="BG31:BI32"/>
    <mergeCell ref="AB31:AE32"/>
    <mergeCell ref="AF31:AL32"/>
    <mergeCell ref="AM31:AQ32"/>
    <mergeCell ref="V33:Y34"/>
    <mergeCell ref="Z33:AA34"/>
    <mergeCell ref="R31:U32"/>
    <mergeCell ref="V31:Y32"/>
    <mergeCell ref="Z31:AA32"/>
    <mergeCell ref="AB29:AE30"/>
    <mergeCell ref="AF29:AL30"/>
    <mergeCell ref="AM29:AQ30"/>
    <mergeCell ref="BD29:BF30"/>
    <mergeCell ref="R35:U36"/>
    <mergeCell ref="V35:Y36"/>
    <mergeCell ref="Z35:AA36"/>
    <mergeCell ref="AB33:AE34"/>
    <mergeCell ref="AF33:AL34"/>
    <mergeCell ref="AM33:AQ34"/>
    <mergeCell ref="BD33:BF34"/>
    <mergeCell ref="BG33:BI34"/>
    <mergeCell ref="A35:A36"/>
    <mergeCell ref="B35:F36"/>
    <mergeCell ref="G35:K36"/>
    <mergeCell ref="L35:O36"/>
    <mergeCell ref="P35:Q36"/>
    <mergeCell ref="BD35:BF36"/>
    <mergeCell ref="BG35:BI36"/>
    <mergeCell ref="AB35:AE36"/>
    <mergeCell ref="AF35:AL36"/>
    <mergeCell ref="AM35:AQ36"/>
    <mergeCell ref="A33:A34"/>
    <mergeCell ref="B33:F34"/>
    <mergeCell ref="G33:K34"/>
    <mergeCell ref="L33:O34"/>
    <mergeCell ref="P33:Q34"/>
    <mergeCell ref="R33:U34"/>
    <mergeCell ref="AB37:AE38"/>
    <mergeCell ref="AF37:AL38"/>
    <mergeCell ref="AM37:AQ38"/>
    <mergeCell ref="BD37:BF38"/>
    <mergeCell ref="BG37:BI38"/>
    <mergeCell ref="A39:A40"/>
    <mergeCell ref="B39:F40"/>
    <mergeCell ref="G39:K40"/>
    <mergeCell ref="L39:O40"/>
    <mergeCell ref="P39:Q40"/>
    <mergeCell ref="BD39:BF40"/>
    <mergeCell ref="BG39:BI40"/>
    <mergeCell ref="AB39:AE40"/>
    <mergeCell ref="AF39:AL40"/>
    <mergeCell ref="AM39:AQ40"/>
    <mergeCell ref="A37:A38"/>
    <mergeCell ref="B37:F38"/>
    <mergeCell ref="G37:K38"/>
    <mergeCell ref="L37:O38"/>
    <mergeCell ref="P37:Q38"/>
    <mergeCell ref="R37:U38"/>
    <mergeCell ref="V37:Y38"/>
    <mergeCell ref="Z37:AA38"/>
    <mergeCell ref="A41:A42"/>
    <mergeCell ref="B41:F42"/>
    <mergeCell ref="G41:K42"/>
    <mergeCell ref="L41:O42"/>
    <mergeCell ref="P41:Q42"/>
    <mergeCell ref="R41:U42"/>
    <mergeCell ref="V41:Y42"/>
    <mergeCell ref="Z41:AA42"/>
    <mergeCell ref="R39:U40"/>
    <mergeCell ref="V39:Y40"/>
    <mergeCell ref="Z39:AA40"/>
    <mergeCell ref="A43:A44"/>
    <mergeCell ref="B43:F44"/>
    <mergeCell ref="G43:K44"/>
    <mergeCell ref="L43:O44"/>
    <mergeCell ref="P43:Q44"/>
    <mergeCell ref="BD43:BF44"/>
    <mergeCell ref="BG43:BI44"/>
    <mergeCell ref="AB43:AE44"/>
    <mergeCell ref="AF43:AL44"/>
    <mergeCell ref="AM43:AQ44"/>
    <mergeCell ref="V45:Y46"/>
    <mergeCell ref="Z45:AA46"/>
    <mergeCell ref="R43:U44"/>
    <mergeCell ref="V43:Y44"/>
    <mergeCell ref="Z43:AA44"/>
    <mergeCell ref="AB41:AE42"/>
    <mergeCell ref="AF41:AL42"/>
    <mergeCell ref="AM41:AQ42"/>
    <mergeCell ref="BD41:BF42"/>
    <mergeCell ref="R47:U48"/>
    <mergeCell ref="V47:Y48"/>
    <mergeCell ref="Z47:AA48"/>
    <mergeCell ref="AB45:AE46"/>
    <mergeCell ref="AF45:AL46"/>
    <mergeCell ref="AM45:AQ46"/>
    <mergeCell ref="BD45:BF46"/>
    <mergeCell ref="BG45:BI46"/>
    <mergeCell ref="A47:A48"/>
    <mergeCell ref="B47:F48"/>
    <mergeCell ref="G47:K48"/>
    <mergeCell ref="L47:O48"/>
    <mergeCell ref="P47:Q48"/>
    <mergeCell ref="BD47:BF48"/>
    <mergeCell ref="BG47:BI48"/>
    <mergeCell ref="AB47:AE48"/>
    <mergeCell ref="AF47:AL48"/>
    <mergeCell ref="AM47:AQ48"/>
    <mergeCell ref="A45:A46"/>
    <mergeCell ref="B45:F46"/>
    <mergeCell ref="G45:K46"/>
    <mergeCell ref="L45:O46"/>
    <mergeCell ref="P45:Q46"/>
    <mergeCell ref="R45:U46"/>
    <mergeCell ref="AF49:AL50"/>
    <mergeCell ref="AM49:AQ50"/>
    <mergeCell ref="BD49:BF50"/>
    <mergeCell ref="BG49:BI50"/>
    <mergeCell ref="A51:A52"/>
    <mergeCell ref="B51:F52"/>
    <mergeCell ref="G51:K52"/>
    <mergeCell ref="L51:O52"/>
    <mergeCell ref="P51:Q52"/>
    <mergeCell ref="AB49:AE50"/>
    <mergeCell ref="A49:A50"/>
    <mergeCell ref="B49:F50"/>
    <mergeCell ref="G49:K50"/>
    <mergeCell ref="L49:O50"/>
    <mergeCell ref="P49:Q50"/>
    <mergeCell ref="R49:U50"/>
    <mergeCell ref="V49:Y50"/>
    <mergeCell ref="Z49:AA50"/>
    <mergeCell ref="L55:O56"/>
    <mergeCell ref="P55:Q56"/>
    <mergeCell ref="BD51:BF52"/>
    <mergeCell ref="BG51:BI52"/>
    <mergeCell ref="A53:A54"/>
    <mergeCell ref="B53:F54"/>
    <mergeCell ref="G53:K54"/>
    <mergeCell ref="L53:O54"/>
    <mergeCell ref="P53:Q54"/>
    <mergeCell ref="R53:U54"/>
    <mergeCell ref="V53:Y54"/>
    <mergeCell ref="Z53:AA54"/>
    <mergeCell ref="R51:U52"/>
    <mergeCell ref="V51:Y52"/>
    <mergeCell ref="Z51:AA52"/>
    <mergeCell ref="AB51:AE52"/>
    <mergeCell ref="AF51:AL52"/>
    <mergeCell ref="AM51:AQ52"/>
    <mergeCell ref="A59:A60"/>
    <mergeCell ref="B59:F60"/>
    <mergeCell ref="G59:K60"/>
    <mergeCell ref="L59:O60"/>
    <mergeCell ref="P59:Q60"/>
    <mergeCell ref="BD55:BF56"/>
    <mergeCell ref="BG55:BI56"/>
    <mergeCell ref="A57:A58"/>
    <mergeCell ref="B57:F58"/>
    <mergeCell ref="G57:K58"/>
    <mergeCell ref="L57:O58"/>
    <mergeCell ref="P57:Q58"/>
    <mergeCell ref="R57:U58"/>
    <mergeCell ref="V57:Y58"/>
    <mergeCell ref="Z57:AA58"/>
    <mergeCell ref="R55:U56"/>
    <mergeCell ref="V55:Y56"/>
    <mergeCell ref="Z55:AA56"/>
    <mergeCell ref="AB55:AE56"/>
    <mergeCell ref="AF55:AL56"/>
    <mergeCell ref="AM55:AQ56"/>
    <mergeCell ref="A55:A56"/>
    <mergeCell ref="B55:F56"/>
    <mergeCell ref="G55:K56"/>
    <mergeCell ref="B66:H67"/>
    <mergeCell ref="I66:M67"/>
    <mergeCell ref="N66:W67"/>
    <mergeCell ref="BD59:BF60"/>
    <mergeCell ref="BG59:BI60"/>
    <mergeCell ref="AF61:AL62"/>
    <mergeCell ref="AM61:AQ62"/>
    <mergeCell ref="AR61:BC61"/>
    <mergeCell ref="BD61:BF64"/>
    <mergeCell ref="BG61:BI64"/>
    <mergeCell ref="AR62:AW62"/>
    <mergeCell ref="AX62:BC62"/>
    <mergeCell ref="R59:U60"/>
    <mergeCell ref="V59:Y60"/>
    <mergeCell ref="Z59:AA60"/>
    <mergeCell ref="AB59:AE60"/>
    <mergeCell ref="AF59:AL60"/>
    <mergeCell ref="AM59:AQ60"/>
    <mergeCell ref="AE66:AM67"/>
    <mergeCell ref="AN66:AR67"/>
    <mergeCell ref="AS66:BB67"/>
    <mergeCell ref="X66:AB66"/>
    <mergeCell ref="X67:AB67"/>
    <mergeCell ref="BC67:BG67"/>
    <mergeCell ref="BJ66:BM67"/>
    <mergeCell ref="BN66:BP67"/>
    <mergeCell ref="BQ66:BT67"/>
    <mergeCell ref="BU66:BW67"/>
    <mergeCell ref="AT4:BA5"/>
    <mergeCell ref="BB4:BW5"/>
    <mergeCell ref="AT6:BA7"/>
    <mergeCell ref="BU6:BV7"/>
    <mergeCell ref="BD6:BS7"/>
    <mergeCell ref="BG41:BI42"/>
    <mergeCell ref="BG29:BI30"/>
    <mergeCell ref="BG17:BI18"/>
    <mergeCell ref="BC66:BG66"/>
    <mergeCell ref="AX9:BC10"/>
    <mergeCell ref="BD9:BW9"/>
    <mergeCell ref="BD10:BI10"/>
    <mergeCell ref="BD11:BF12"/>
    <mergeCell ref="BG11:BI12"/>
    <mergeCell ref="AB57:AE58"/>
    <mergeCell ref="AF57:AL58"/>
    <mergeCell ref="AM57:AQ58"/>
    <mergeCell ref="BD57:BF58"/>
    <mergeCell ref="BG57:BI58"/>
    <mergeCell ref="AB53:AE54"/>
    <mergeCell ref="AF53:AL54"/>
    <mergeCell ref="AM53:AQ54"/>
    <mergeCell ref="BD53:BF54"/>
    <mergeCell ref="BG53:BI54"/>
  </mergeCells>
  <phoneticPr fontId="3"/>
  <printOptions horizontalCentered="1"/>
  <pageMargins left="0.47244094488188981" right="0.23622047244094491" top="0.47244094488188981" bottom="0.27559055118110237" header="0.15748031496062992" footer="0.19685039370078741"/>
  <pageSetup paperSize="9" scale="98" fitToHeight="0"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L81"/>
  <sheetViews>
    <sheetView zoomScaleNormal="100" zoomScaleSheetLayoutView="100" workbookViewId="0">
      <selection activeCell="J3" sqref="J3:K5"/>
    </sheetView>
  </sheetViews>
  <sheetFormatPr defaultColWidth="1.88671875" defaultRowHeight="14.25" customHeight="1"/>
  <cols>
    <col min="1" max="1" width="2.44140625" style="22" customWidth="1"/>
    <col min="2" max="75" width="1.44140625" style="22" customWidth="1"/>
    <col min="76" max="16384" width="1.88671875" style="22"/>
  </cols>
  <sheetData>
    <row r="1" spans="1:78" ht="18" customHeight="1">
      <c r="B1" s="18" t="s">
        <v>117</v>
      </c>
      <c r="C1" s="18"/>
      <c r="D1" s="18"/>
      <c r="E1" s="18"/>
      <c r="F1" s="18"/>
      <c r="G1" s="18"/>
      <c r="H1" s="18"/>
      <c r="I1" s="18"/>
      <c r="J1" s="18"/>
      <c r="K1" s="18"/>
      <c r="L1" s="18"/>
      <c r="M1" s="18"/>
      <c r="N1" s="18"/>
      <c r="O1" s="18"/>
      <c r="P1" s="18"/>
      <c r="Q1" s="18"/>
      <c r="R1" s="18"/>
      <c r="S1" s="19"/>
      <c r="T1" s="18"/>
      <c r="U1" s="18"/>
      <c r="V1" s="18"/>
      <c r="W1" s="18"/>
      <c r="X1" s="60"/>
      <c r="Z1" s="19" t="s">
        <v>125</v>
      </c>
      <c r="AA1" s="60"/>
      <c r="AB1" s="19"/>
      <c r="AC1" s="19"/>
      <c r="AD1" s="19"/>
      <c r="AE1" s="19"/>
      <c r="AF1" s="20"/>
      <c r="AG1" s="20"/>
      <c r="AH1" s="20"/>
      <c r="AI1" s="20"/>
      <c r="AJ1" s="20"/>
      <c r="AK1" s="20"/>
      <c r="AL1" s="20"/>
      <c r="AM1" s="20"/>
      <c r="AN1" s="20"/>
      <c r="AO1" s="20"/>
      <c r="AP1" s="20"/>
      <c r="AQ1" s="20"/>
      <c r="AR1" s="20"/>
      <c r="AS1" s="20"/>
      <c r="AT1" s="20"/>
      <c r="AU1" s="20"/>
      <c r="AV1" s="20"/>
      <c r="AW1" s="20"/>
      <c r="AX1" s="21"/>
      <c r="AY1" s="21"/>
      <c r="AZ1" s="21"/>
      <c r="BA1" s="21"/>
      <c r="BB1" s="21"/>
      <c r="BC1" s="21"/>
      <c r="BD1" s="21"/>
      <c r="BE1" s="21"/>
      <c r="BF1" s="21"/>
      <c r="BG1" s="21"/>
      <c r="BH1" s="21"/>
      <c r="BI1" s="21"/>
      <c r="BJ1" s="21"/>
      <c r="BK1" s="21"/>
      <c r="BL1" s="21"/>
      <c r="BM1" s="21"/>
      <c r="BN1" s="21"/>
      <c r="BO1" s="21"/>
      <c r="BP1" s="21"/>
      <c r="BQ1" s="21"/>
      <c r="BR1" s="21"/>
      <c r="BS1" s="20"/>
      <c r="BT1" s="20"/>
    </row>
    <row r="2" spans="1:78" s="5" customFormat="1" ht="11.25" customHeight="1">
      <c r="B2" s="209" t="s">
        <v>3</v>
      </c>
      <c r="C2" s="210"/>
      <c r="D2" s="210"/>
      <c r="E2" s="210"/>
      <c r="F2" s="210"/>
      <c r="G2" s="210"/>
      <c r="H2" s="210"/>
      <c r="I2" s="210"/>
      <c r="J2" s="210"/>
      <c r="K2" s="210"/>
      <c r="L2" s="210"/>
      <c r="M2" s="210"/>
      <c r="N2" s="210"/>
      <c r="O2" s="210"/>
      <c r="P2" s="210"/>
      <c r="Q2" s="210"/>
      <c r="R2" s="210"/>
      <c r="S2" s="210"/>
      <c r="T2" s="210"/>
      <c r="U2" s="211"/>
      <c r="V2" s="212" t="s">
        <v>69</v>
      </c>
      <c r="W2" s="213"/>
      <c r="X2" s="213"/>
      <c r="Y2" s="213"/>
      <c r="Z2" s="213"/>
      <c r="AA2" s="213"/>
      <c r="AB2" s="213"/>
      <c r="AC2" s="213"/>
      <c r="AD2" s="213"/>
      <c r="AE2" s="214"/>
      <c r="AF2" s="205"/>
      <c r="AG2" s="198"/>
      <c r="AH2" s="198"/>
      <c r="AI2" s="198"/>
      <c r="AJ2" s="198"/>
      <c r="AK2" s="198"/>
      <c r="AL2" s="198"/>
      <c r="AM2" s="198"/>
      <c r="AN2" s="198"/>
      <c r="AO2" s="198"/>
      <c r="AP2" s="198"/>
      <c r="AQ2" s="198"/>
      <c r="AR2" s="198"/>
      <c r="AS2" s="221"/>
      <c r="AT2" s="205" t="s">
        <v>0</v>
      </c>
      <c r="AU2" s="198"/>
      <c r="AV2" s="198"/>
      <c r="AW2" s="198"/>
      <c r="AX2" s="198"/>
      <c r="AY2" s="198"/>
      <c r="AZ2" s="198"/>
      <c r="BA2" s="198"/>
      <c r="BB2" s="221"/>
      <c r="BC2" s="205"/>
      <c r="BD2" s="206"/>
      <c r="BE2" s="197"/>
      <c r="BF2" s="206"/>
      <c r="BG2" s="197"/>
      <c r="BH2" s="206"/>
      <c r="BI2" s="197"/>
      <c r="BJ2" s="206"/>
      <c r="BK2" s="197"/>
      <c r="BL2" s="206"/>
      <c r="BM2" s="197"/>
      <c r="BN2" s="206"/>
      <c r="BO2" s="197"/>
      <c r="BP2" s="206"/>
      <c r="BQ2" s="197"/>
      <c r="BR2" s="206"/>
      <c r="BS2" s="197"/>
      <c r="BT2" s="206"/>
      <c r="BU2" s="197"/>
      <c r="BV2" s="221"/>
    </row>
    <row r="3" spans="1:78" s="5" customFormat="1" ht="11.25" customHeight="1">
      <c r="B3" s="205"/>
      <c r="C3" s="206"/>
      <c r="D3" s="197"/>
      <c r="E3" s="206"/>
      <c r="F3" s="197"/>
      <c r="G3" s="206"/>
      <c r="H3" s="197"/>
      <c r="I3" s="206"/>
      <c r="J3" s="197"/>
      <c r="K3" s="206"/>
      <c r="L3" s="197"/>
      <c r="M3" s="206"/>
      <c r="N3" s="197"/>
      <c r="O3" s="206"/>
      <c r="P3" s="197"/>
      <c r="Q3" s="206"/>
      <c r="R3" s="197"/>
      <c r="S3" s="206"/>
      <c r="T3" s="197"/>
      <c r="U3" s="221"/>
      <c r="V3" s="215"/>
      <c r="W3" s="216"/>
      <c r="X3" s="216"/>
      <c r="Y3" s="216"/>
      <c r="Z3" s="216"/>
      <c r="AA3" s="216"/>
      <c r="AB3" s="216"/>
      <c r="AC3" s="216"/>
      <c r="AD3" s="216"/>
      <c r="AE3" s="217"/>
      <c r="AF3" s="222"/>
      <c r="AG3" s="223"/>
      <c r="AH3" s="223"/>
      <c r="AI3" s="223"/>
      <c r="AJ3" s="223"/>
      <c r="AK3" s="223"/>
      <c r="AL3" s="223"/>
      <c r="AM3" s="223"/>
      <c r="AN3" s="223"/>
      <c r="AO3" s="223"/>
      <c r="AP3" s="223"/>
      <c r="AQ3" s="223"/>
      <c r="AR3" s="223"/>
      <c r="AS3" s="224"/>
      <c r="AT3" s="207"/>
      <c r="AU3" s="200"/>
      <c r="AV3" s="200"/>
      <c r="AW3" s="200"/>
      <c r="AX3" s="200"/>
      <c r="AY3" s="200"/>
      <c r="AZ3" s="200"/>
      <c r="BA3" s="200"/>
      <c r="BB3" s="225"/>
      <c r="BC3" s="207"/>
      <c r="BD3" s="208"/>
      <c r="BE3" s="199"/>
      <c r="BF3" s="208"/>
      <c r="BG3" s="199"/>
      <c r="BH3" s="208"/>
      <c r="BI3" s="199"/>
      <c r="BJ3" s="208"/>
      <c r="BK3" s="199"/>
      <c r="BL3" s="208"/>
      <c r="BM3" s="199"/>
      <c r="BN3" s="208"/>
      <c r="BO3" s="199"/>
      <c r="BP3" s="208"/>
      <c r="BQ3" s="199"/>
      <c r="BR3" s="208"/>
      <c r="BS3" s="199"/>
      <c r="BT3" s="208"/>
      <c r="BU3" s="199"/>
      <c r="BV3" s="225"/>
    </row>
    <row r="4" spans="1:78" s="5" customFormat="1" ht="11.25" customHeight="1">
      <c r="B4" s="222"/>
      <c r="C4" s="557"/>
      <c r="D4" s="556"/>
      <c r="E4" s="557"/>
      <c r="F4" s="556"/>
      <c r="G4" s="557"/>
      <c r="H4" s="556"/>
      <c r="I4" s="557"/>
      <c r="J4" s="556"/>
      <c r="K4" s="557"/>
      <c r="L4" s="556"/>
      <c r="M4" s="557"/>
      <c r="N4" s="556"/>
      <c r="O4" s="557"/>
      <c r="P4" s="556"/>
      <c r="Q4" s="557"/>
      <c r="R4" s="556"/>
      <c r="S4" s="557"/>
      <c r="T4" s="556"/>
      <c r="U4" s="224"/>
      <c r="V4" s="215"/>
      <c r="W4" s="216"/>
      <c r="X4" s="216"/>
      <c r="Y4" s="216"/>
      <c r="Z4" s="216"/>
      <c r="AA4" s="216"/>
      <c r="AB4" s="216"/>
      <c r="AC4" s="216"/>
      <c r="AD4" s="216"/>
      <c r="AE4" s="217"/>
      <c r="AF4" s="222"/>
      <c r="AG4" s="223"/>
      <c r="AH4" s="223"/>
      <c r="AI4" s="223"/>
      <c r="AJ4" s="223"/>
      <c r="AK4" s="223"/>
      <c r="AL4" s="223"/>
      <c r="AM4" s="223"/>
      <c r="AN4" s="223"/>
      <c r="AO4" s="223"/>
      <c r="AP4" s="223"/>
      <c r="AQ4" s="223"/>
      <c r="AR4" s="223"/>
      <c r="AS4" s="224"/>
      <c r="AT4" s="565" t="s">
        <v>70</v>
      </c>
      <c r="AU4" s="566"/>
      <c r="AV4" s="566"/>
      <c r="AW4" s="566"/>
      <c r="AX4" s="566"/>
      <c r="AY4" s="566"/>
      <c r="AZ4" s="566"/>
      <c r="BA4" s="566"/>
      <c r="BB4" s="567"/>
      <c r="BC4" s="205"/>
      <c r="BD4" s="198"/>
      <c r="BE4" s="198"/>
      <c r="BF4" s="198"/>
      <c r="BG4" s="198"/>
      <c r="BH4" s="198"/>
      <c r="BI4" s="198"/>
      <c r="BJ4" s="198"/>
      <c r="BK4" s="198"/>
      <c r="BL4" s="198"/>
      <c r="BM4" s="198"/>
      <c r="BN4" s="198"/>
      <c r="BO4" s="198"/>
      <c r="BP4" s="198"/>
      <c r="BQ4" s="198"/>
      <c r="BR4" s="198"/>
      <c r="BS4" s="198"/>
      <c r="BT4" s="198"/>
      <c r="BU4" s="198"/>
      <c r="BV4" s="221"/>
    </row>
    <row r="5" spans="1:78" s="5" customFormat="1" ht="11.25" customHeight="1">
      <c r="B5" s="207"/>
      <c r="C5" s="208"/>
      <c r="D5" s="199"/>
      <c r="E5" s="208"/>
      <c r="F5" s="199"/>
      <c r="G5" s="208"/>
      <c r="H5" s="199"/>
      <c r="I5" s="208"/>
      <c r="J5" s="199"/>
      <c r="K5" s="208"/>
      <c r="L5" s="199"/>
      <c r="M5" s="208"/>
      <c r="N5" s="199"/>
      <c r="O5" s="208"/>
      <c r="P5" s="199"/>
      <c r="Q5" s="208"/>
      <c r="R5" s="199"/>
      <c r="S5" s="208"/>
      <c r="T5" s="199"/>
      <c r="U5" s="225"/>
      <c r="V5" s="218"/>
      <c r="W5" s="219"/>
      <c r="X5" s="219"/>
      <c r="Y5" s="219"/>
      <c r="Z5" s="219"/>
      <c r="AA5" s="219"/>
      <c r="AB5" s="219"/>
      <c r="AC5" s="219"/>
      <c r="AD5" s="219"/>
      <c r="AE5" s="220"/>
      <c r="AF5" s="207"/>
      <c r="AG5" s="200"/>
      <c r="AH5" s="200"/>
      <c r="AI5" s="200"/>
      <c r="AJ5" s="200"/>
      <c r="AK5" s="200"/>
      <c r="AL5" s="200"/>
      <c r="AM5" s="200"/>
      <c r="AN5" s="200"/>
      <c r="AO5" s="200"/>
      <c r="AP5" s="200"/>
      <c r="AQ5" s="200"/>
      <c r="AR5" s="200"/>
      <c r="AS5" s="225"/>
      <c r="AT5" s="244"/>
      <c r="AU5" s="245"/>
      <c r="AV5" s="245"/>
      <c r="AW5" s="245"/>
      <c r="AX5" s="245"/>
      <c r="AY5" s="245"/>
      <c r="AZ5" s="245"/>
      <c r="BA5" s="245"/>
      <c r="BB5" s="246"/>
      <c r="BC5" s="222"/>
      <c r="BD5" s="223"/>
      <c r="BE5" s="223"/>
      <c r="BF5" s="223"/>
      <c r="BG5" s="223"/>
      <c r="BH5" s="223"/>
      <c r="BI5" s="223"/>
      <c r="BJ5" s="223"/>
      <c r="BK5" s="223"/>
      <c r="BL5" s="223"/>
      <c r="BM5" s="223"/>
      <c r="BN5" s="223"/>
      <c r="BO5" s="223"/>
      <c r="BP5" s="223"/>
      <c r="BQ5" s="223"/>
      <c r="BR5" s="223"/>
      <c r="BS5" s="223"/>
      <c r="BT5" s="223"/>
      <c r="BU5" s="223"/>
      <c r="BV5" s="224"/>
    </row>
    <row r="6" spans="1:78" s="5" customFormat="1" ht="11.25" customHeight="1">
      <c r="B6" s="212" t="s">
        <v>47</v>
      </c>
      <c r="C6" s="213"/>
      <c r="D6" s="213"/>
      <c r="E6" s="213"/>
      <c r="F6" s="213"/>
      <c r="G6" s="213"/>
      <c r="H6" s="214"/>
      <c r="I6" s="503" t="s">
        <v>111</v>
      </c>
      <c r="J6" s="504"/>
      <c r="K6" s="504"/>
      <c r="L6" s="504"/>
      <c r="M6" s="504"/>
      <c r="N6" s="504"/>
      <c r="O6" s="504"/>
      <c r="P6" s="504"/>
      <c r="Q6" s="504"/>
      <c r="R6" s="504"/>
      <c r="S6" s="504"/>
      <c r="T6" s="504"/>
      <c r="U6" s="618"/>
      <c r="V6" s="212" t="s">
        <v>122</v>
      </c>
      <c r="W6" s="213"/>
      <c r="X6" s="213"/>
      <c r="Y6" s="213"/>
      <c r="Z6" s="213"/>
      <c r="AA6" s="214"/>
      <c r="AB6" s="289" t="s">
        <v>124</v>
      </c>
      <c r="AC6" s="290"/>
      <c r="AD6" s="290"/>
      <c r="AE6" s="290"/>
      <c r="AF6" s="290"/>
      <c r="AG6" s="674"/>
      <c r="AH6" s="673">
        <v>3</v>
      </c>
      <c r="AI6" s="290"/>
      <c r="AJ6" s="290"/>
      <c r="AK6" s="290"/>
      <c r="AL6" s="290"/>
      <c r="AM6" s="674"/>
      <c r="AN6" s="673" t="s">
        <v>123</v>
      </c>
      <c r="AO6" s="290"/>
      <c r="AP6" s="290"/>
      <c r="AQ6" s="290"/>
      <c r="AR6" s="290"/>
      <c r="AS6" s="291"/>
      <c r="AT6" s="247"/>
      <c r="AU6" s="248"/>
      <c r="AV6" s="248"/>
      <c r="AW6" s="248"/>
      <c r="AX6" s="248"/>
      <c r="AY6" s="248"/>
      <c r="AZ6" s="248"/>
      <c r="BA6" s="248"/>
      <c r="BB6" s="249"/>
      <c r="BC6" s="207"/>
      <c r="BD6" s="200"/>
      <c r="BE6" s="200"/>
      <c r="BF6" s="200"/>
      <c r="BG6" s="200"/>
      <c r="BH6" s="200"/>
      <c r="BI6" s="200"/>
      <c r="BJ6" s="200"/>
      <c r="BK6" s="200"/>
      <c r="BL6" s="200"/>
      <c r="BM6" s="200"/>
      <c r="BN6" s="200"/>
      <c r="BO6" s="200"/>
      <c r="BP6" s="200"/>
      <c r="BQ6" s="200"/>
      <c r="BR6" s="200"/>
      <c r="BS6" s="200"/>
      <c r="BT6" s="200"/>
      <c r="BU6" s="200"/>
      <c r="BV6" s="225"/>
    </row>
    <row r="7" spans="1:78" s="5" customFormat="1" ht="11.25" customHeight="1">
      <c r="B7" s="215"/>
      <c r="C7" s="216"/>
      <c r="D7" s="216"/>
      <c r="E7" s="216"/>
      <c r="F7" s="216"/>
      <c r="G7" s="216"/>
      <c r="H7" s="217"/>
      <c r="I7" s="619"/>
      <c r="J7" s="620"/>
      <c r="K7" s="620"/>
      <c r="L7" s="620"/>
      <c r="M7" s="620"/>
      <c r="N7" s="620"/>
      <c r="O7" s="620"/>
      <c r="P7" s="620"/>
      <c r="Q7" s="620"/>
      <c r="R7" s="620"/>
      <c r="S7" s="620"/>
      <c r="T7" s="620"/>
      <c r="U7" s="621"/>
      <c r="V7" s="215"/>
      <c r="W7" s="216"/>
      <c r="X7" s="216"/>
      <c r="Y7" s="216"/>
      <c r="Z7" s="216"/>
      <c r="AA7" s="217"/>
      <c r="AB7" s="216"/>
      <c r="AC7" s="216"/>
      <c r="AD7" s="216"/>
      <c r="AE7" s="216"/>
      <c r="AF7" s="216"/>
      <c r="AG7" s="675"/>
      <c r="AH7" s="216"/>
      <c r="AI7" s="216"/>
      <c r="AJ7" s="216"/>
      <c r="AK7" s="216"/>
      <c r="AL7" s="216"/>
      <c r="AM7" s="675"/>
      <c r="AN7" s="500"/>
      <c r="AO7" s="213"/>
      <c r="AP7" s="213"/>
      <c r="AQ7" s="213"/>
      <c r="AR7" s="213"/>
      <c r="AS7" s="214"/>
      <c r="AT7" s="212" t="s">
        <v>11</v>
      </c>
      <c r="AU7" s="213"/>
      <c r="AV7" s="213"/>
      <c r="AW7" s="213"/>
      <c r="AX7" s="213"/>
      <c r="AY7" s="213"/>
      <c r="AZ7" s="213"/>
      <c r="BA7" s="213"/>
      <c r="BB7" s="213"/>
      <c r="BC7" s="213"/>
      <c r="BD7" s="213"/>
      <c r="BE7" s="213"/>
      <c r="BF7" s="214"/>
      <c r="BG7" s="177"/>
      <c r="BH7" s="177"/>
      <c r="BI7" s="177"/>
      <c r="BJ7" s="198"/>
      <c r="BK7" s="198"/>
      <c r="BL7" s="198"/>
      <c r="BM7" s="198"/>
      <c r="BN7" s="198"/>
      <c r="BO7" s="198"/>
      <c r="BP7" s="198"/>
      <c r="BQ7" s="198"/>
      <c r="BR7" s="198"/>
      <c r="BS7" s="177"/>
      <c r="BT7" s="198" t="s">
        <v>12</v>
      </c>
      <c r="BU7" s="198"/>
      <c r="BV7" s="180"/>
    </row>
    <row r="8" spans="1:78" s="5" customFormat="1" ht="11.25" customHeight="1">
      <c r="B8" s="218"/>
      <c r="C8" s="219"/>
      <c r="D8" s="219"/>
      <c r="E8" s="219"/>
      <c r="F8" s="219"/>
      <c r="G8" s="219"/>
      <c r="H8" s="220"/>
      <c r="I8" s="506"/>
      <c r="J8" s="507"/>
      <c r="K8" s="507"/>
      <c r="L8" s="507"/>
      <c r="M8" s="507"/>
      <c r="N8" s="507"/>
      <c r="O8" s="507"/>
      <c r="P8" s="507"/>
      <c r="Q8" s="507"/>
      <c r="R8" s="507"/>
      <c r="S8" s="507"/>
      <c r="T8" s="507"/>
      <c r="U8" s="622"/>
      <c r="V8" s="218"/>
      <c r="W8" s="219"/>
      <c r="X8" s="219"/>
      <c r="Y8" s="219"/>
      <c r="Z8" s="219"/>
      <c r="AA8" s="220"/>
      <c r="AB8" s="219"/>
      <c r="AC8" s="219"/>
      <c r="AD8" s="219"/>
      <c r="AE8" s="219"/>
      <c r="AF8" s="219"/>
      <c r="AG8" s="552"/>
      <c r="AH8" s="219"/>
      <c r="AI8" s="219"/>
      <c r="AJ8" s="219"/>
      <c r="AK8" s="219"/>
      <c r="AL8" s="219"/>
      <c r="AM8" s="552"/>
      <c r="AN8" s="501"/>
      <c r="AO8" s="219"/>
      <c r="AP8" s="219"/>
      <c r="AQ8" s="219"/>
      <c r="AR8" s="219"/>
      <c r="AS8" s="220"/>
      <c r="AT8" s="218"/>
      <c r="AU8" s="219"/>
      <c r="AV8" s="219"/>
      <c r="AW8" s="219"/>
      <c r="AX8" s="219"/>
      <c r="AY8" s="219"/>
      <c r="AZ8" s="219"/>
      <c r="BA8" s="219"/>
      <c r="BB8" s="219"/>
      <c r="BC8" s="219"/>
      <c r="BD8" s="219"/>
      <c r="BE8" s="219"/>
      <c r="BF8" s="220"/>
      <c r="BG8" s="178"/>
      <c r="BH8" s="178"/>
      <c r="BI8" s="178"/>
      <c r="BJ8" s="200"/>
      <c r="BK8" s="200"/>
      <c r="BL8" s="200"/>
      <c r="BM8" s="200"/>
      <c r="BN8" s="200"/>
      <c r="BO8" s="200"/>
      <c r="BP8" s="200"/>
      <c r="BQ8" s="200"/>
      <c r="BR8" s="200"/>
      <c r="BS8" s="178"/>
      <c r="BT8" s="200"/>
      <c r="BU8" s="200"/>
      <c r="BV8" s="179"/>
    </row>
    <row r="9" spans="1:78" ht="9.9" customHeight="1" thickBot="1">
      <c r="B9" s="178"/>
      <c r="C9" s="178"/>
      <c r="D9" s="178"/>
      <c r="E9" s="178"/>
      <c r="F9" s="178"/>
      <c r="G9" s="178"/>
      <c r="H9" s="178"/>
      <c r="I9" s="178"/>
      <c r="J9" s="178"/>
      <c r="K9" s="178"/>
      <c r="L9" s="178"/>
      <c r="M9" s="178"/>
      <c r="N9" s="178"/>
      <c r="O9" s="178"/>
      <c r="P9" s="178"/>
      <c r="Q9" s="178"/>
      <c r="R9" s="178"/>
      <c r="S9" s="178"/>
      <c r="T9" s="178"/>
      <c r="U9" s="178"/>
      <c r="V9" s="178"/>
      <c r="W9" s="178"/>
      <c r="X9" s="178"/>
      <c r="Y9" s="178"/>
      <c r="Z9" s="178"/>
      <c r="AA9" s="178"/>
      <c r="AB9" s="178"/>
      <c r="AC9" s="178"/>
      <c r="AD9" s="178"/>
      <c r="AE9" s="178"/>
      <c r="AF9" s="178"/>
      <c r="AG9" s="178"/>
      <c r="AH9" s="178"/>
      <c r="AI9" s="178"/>
      <c r="AJ9" s="178"/>
      <c r="AK9" s="178"/>
      <c r="AL9" s="181"/>
      <c r="AM9" s="181"/>
      <c r="AN9" s="181"/>
      <c r="AO9" s="181"/>
      <c r="AP9" s="181"/>
      <c r="AQ9" s="181"/>
      <c r="AR9" s="181"/>
      <c r="AS9" s="181"/>
      <c r="AT9" s="181"/>
      <c r="AU9" s="181"/>
      <c r="AV9" s="181"/>
      <c r="AW9" s="181"/>
      <c r="AX9" s="181"/>
      <c r="AY9" s="181"/>
      <c r="AZ9" s="181"/>
      <c r="BA9" s="181"/>
      <c r="BB9" s="181"/>
      <c r="BC9" s="181"/>
      <c r="BD9" s="178"/>
      <c r="BE9" s="178"/>
      <c r="BF9" s="178"/>
      <c r="BG9" s="178"/>
      <c r="BH9" s="178"/>
      <c r="BI9" s="178"/>
      <c r="BJ9" s="178"/>
      <c r="BK9" s="178"/>
      <c r="BL9" s="178"/>
      <c r="BM9" s="178"/>
      <c r="BN9" s="178"/>
      <c r="BO9" s="178"/>
      <c r="BP9" s="178"/>
      <c r="BQ9" s="178"/>
      <c r="BR9" s="178"/>
      <c r="BS9" s="178"/>
      <c r="BT9" s="178"/>
      <c r="BU9" s="178"/>
      <c r="BV9" s="181"/>
      <c r="BW9" s="40"/>
      <c r="BX9" s="40"/>
      <c r="BY9" s="40"/>
    </row>
    <row r="10" spans="1:78" ht="11.25" customHeight="1" thickTop="1" thickBot="1">
      <c r="B10" s="205" t="s">
        <v>13</v>
      </c>
      <c r="C10" s="198"/>
      <c r="D10" s="198"/>
      <c r="E10" s="221"/>
      <c r="F10" s="205" t="s">
        <v>14</v>
      </c>
      <c r="G10" s="198"/>
      <c r="H10" s="198"/>
      <c r="I10" s="221"/>
      <c r="J10" s="209" t="s">
        <v>16</v>
      </c>
      <c r="K10" s="210"/>
      <c r="L10" s="210"/>
      <c r="M10" s="210"/>
      <c r="N10" s="210"/>
      <c r="O10" s="210"/>
      <c r="P10" s="210"/>
      <c r="Q10" s="210"/>
      <c r="R10" s="210"/>
      <c r="S10" s="210"/>
      <c r="T10" s="210"/>
      <c r="U10" s="210"/>
      <c r="V10" s="210"/>
      <c r="W10" s="210"/>
      <c r="X10" s="210"/>
      <c r="Y10" s="549"/>
      <c r="Z10" s="623" t="s">
        <v>49</v>
      </c>
      <c r="AA10" s="624"/>
      <c r="AB10" s="624"/>
      <c r="AC10" s="624"/>
      <c r="AD10" s="624"/>
      <c r="AE10" s="624"/>
      <c r="AF10" s="624"/>
      <c r="AG10" s="624"/>
      <c r="AH10" s="624"/>
      <c r="AI10" s="624"/>
      <c r="AJ10" s="624"/>
      <c r="AK10" s="624"/>
      <c r="AL10" s="624"/>
      <c r="AM10" s="624"/>
      <c r="AN10" s="625"/>
      <c r="AO10" s="240" t="s">
        <v>18</v>
      </c>
      <c r="AP10" s="213"/>
      <c r="AQ10" s="213"/>
      <c r="AR10" s="214"/>
      <c r="AS10" s="565" t="s">
        <v>112</v>
      </c>
      <c r="AT10" s="606"/>
      <c r="AU10" s="606"/>
      <c r="AV10" s="500" t="s">
        <v>113</v>
      </c>
      <c r="AW10" s="198"/>
      <c r="AX10" s="198"/>
      <c r="AY10" s="205" t="s">
        <v>115</v>
      </c>
      <c r="AZ10" s="198"/>
      <c r="BA10" s="198"/>
      <c r="BB10" s="198"/>
      <c r="BC10" s="198"/>
      <c r="BD10" s="198"/>
      <c r="BE10" s="198"/>
      <c r="BF10" s="198"/>
      <c r="BG10" s="221"/>
      <c r="BH10" s="275" t="s">
        <v>129</v>
      </c>
      <c r="BI10" s="276"/>
      <c r="BJ10" s="276"/>
      <c r="BK10" s="276"/>
      <c r="BL10" s="277"/>
      <c r="BM10" s="275" t="s">
        <v>130</v>
      </c>
      <c r="BN10" s="276"/>
      <c r="BO10" s="276"/>
      <c r="BP10" s="276"/>
      <c r="BQ10" s="277"/>
      <c r="BR10" s="205" t="s">
        <v>50</v>
      </c>
      <c r="BS10" s="198"/>
      <c r="BT10" s="198"/>
      <c r="BU10" s="198"/>
      <c r="BV10" s="221"/>
      <c r="BW10" s="8"/>
      <c r="BX10" s="8"/>
      <c r="BY10" s="40"/>
      <c r="BZ10" s="40"/>
    </row>
    <row r="11" spans="1:78" ht="11.25" customHeight="1" thickTop="1">
      <c r="B11" s="222"/>
      <c r="C11" s="223"/>
      <c r="D11" s="223"/>
      <c r="E11" s="224"/>
      <c r="F11" s="222"/>
      <c r="G11" s="223"/>
      <c r="H11" s="223"/>
      <c r="I11" s="224"/>
      <c r="J11" s="212" t="s">
        <v>20</v>
      </c>
      <c r="K11" s="213"/>
      <c r="L11" s="213"/>
      <c r="M11" s="213"/>
      <c r="N11" s="213"/>
      <c r="O11" s="213"/>
      <c r="P11" s="213"/>
      <c r="Q11" s="214"/>
      <c r="R11" s="205" t="s">
        <v>21</v>
      </c>
      <c r="S11" s="198"/>
      <c r="T11" s="198"/>
      <c r="U11" s="198"/>
      <c r="V11" s="198"/>
      <c r="W11" s="198"/>
      <c r="X11" s="198"/>
      <c r="Y11" s="229"/>
      <c r="Z11" s="628" t="s">
        <v>22</v>
      </c>
      <c r="AA11" s="629"/>
      <c r="AB11" s="630"/>
      <c r="AC11" s="626" t="s">
        <v>23</v>
      </c>
      <c r="AD11" s="627"/>
      <c r="AE11" s="631"/>
      <c r="AF11" s="627" t="s">
        <v>24</v>
      </c>
      <c r="AG11" s="627"/>
      <c r="AH11" s="627"/>
      <c r="AI11" s="626" t="s">
        <v>25</v>
      </c>
      <c r="AJ11" s="627"/>
      <c r="AK11" s="631"/>
      <c r="AL11" s="626" t="s">
        <v>22</v>
      </c>
      <c r="AM11" s="627"/>
      <c r="AN11" s="627"/>
      <c r="AO11" s="241"/>
      <c r="AP11" s="216"/>
      <c r="AQ11" s="216"/>
      <c r="AR11" s="217"/>
      <c r="AS11" s="607"/>
      <c r="AT11" s="608"/>
      <c r="AU11" s="608"/>
      <c r="AV11" s="611"/>
      <c r="AW11" s="223"/>
      <c r="AX11" s="223"/>
      <c r="AY11" s="599"/>
      <c r="AZ11" s="600"/>
      <c r="BA11" s="600"/>
      <c r="BB11" s="600"/>
      <c r="BC11" s="600"/>
      <c r="BD11" s="600"/>
      <c r="BE11" s="600"/>
      <c r="BF11" s="600"/>
      <c r="BG11" s="601"/>
      <c r="BH11" s="278"/>
      <c r="BI11" s="279"/>
      <c r="BJ11" s="279"/>
      <c r="BK11" s="279"/>
      <c r="BL11" s="280"/>
      <c r="BM11" s="278"/>
      <c r="BN11" s="279"/>
      <c r="BO11" s="279"/>
      <c r="BP11" s="279"/>
      <c r="BQ11" s="280"/>
      <c r="BR11" s="222"/>
      <c r="BS11" s="223"/>
      <c r="BT11" s="223"/>
      <c r="BU11" s="223"/>
      <c r="BV11" s="224"/>
      <c r="BW11" s="182"/>
      <c r="BX11" s="181"/>
      <c r="BY11" s="40"/>
      <c r="BZ11" s="40"/>
    </row>
    <row r="12" spans="1:78" ht="11.25" customHeight="1">
      <c r="B12" s="207"/>
      <c r="C12" s="200"/>
      <c r="D12" s="200"/>
      <c r="E12" s="225"/>
      <c r="F12" s="207"/>
      <c r="G12" s="200"/>
      <c r="H12" s="200"/>
      <c r="I12" s="225"/>
      <c r="J12" s="218"/>
      <c r="K12" s="219"/>
      <c r="L12" s="219"/>
      <c r="M12" s="219"/>
      <c r="N12" s="219"/>
      <c r="O12" s="219"/>
      <c r="P12" s="219"/>
      <c r="Q12" s="220"/>
      <c r="R12" s="207"/>
      <c r="S12" s="200"/>
      <c r="T12" s="200"/>
      <c r="U12" s="200"/>
      <c r="V12" s="200"/>
      <c r="W12" s="200"/>
      <c r="X12" s="200"/>
      <c r="Y12" s="230"/>
      <c r="Z12" s="262" t="s">
        <v>27</v>
      </c>
      <c r="AA12" s="263"/>
      <c r="AB12" s="263"/>
      <c r="AC12" s="264" t="s">
        <v>28</v>
      </c>
      <c r="AD12" s="263"/>
      <c r="AE12" s="265"/>
      <c r="AF12" s="263" t="s">
        <v>29</v>
      </c>
      <c r="AG12" s="263"/>
      <c r="AH12" s="263"/>
      <c r="AI12" s="264" t="s">
        <v>30</v>
      </c>
      <c r="AJ12" s="263"/>
      <c r="AK12" s="265"/>
      <c r="AL12" s="264" t="s">
        <v>31</v>
      </c>
      <c r="AM12" s="263"/>
      <c r="AN12" s="263"/>
      <c r="AO12" s="242"/>
      <c r="AP12" s="219"/>
      <c r="AQ12" s="219"/>
      <c r="AR12" s="220"/>
      <c r="AS12" s="609"/>
      <c r="AT12" s="610"/>
      <c r="AU12" s="610"/>
      <c r="AV12" s="288"/>
      <c r="AW12" s="200"/>
      <c r="AX12" s="200"/>
      <c r="AY12" s="612" t="s">
        <v>66</v>
      </c>
      <c r="AZ12" s="613"/>
      <c r="BA12" s="613"/>
      <c r="BB12" s="613"/>
      <c r="BC12" s="613"/>
      <c r="BD12" s="614"/>
      <c r="BE12" s="615" t="s">
        <v>64</v>
      </c>
      <c r="BF12" s="616"/>
      <c r="BG12" s="617"/>
      <c r="BH12" s="281"/>
      <c r="BI12" s="282"/>
      <c r="BJ12" s="282"/>
      <c r="BK12" s="282"/>
      <c r="BL12" s="283"/>
      <c r="BM12" s="281"/>
      <c r="BN12" s="282"/>
      <c r="BO12" s="282"/>
      <c r="BP12" s="282"/>
      <c r="BQ12" s="283"/>
      <c r="BR12" s="207"/>
      <c r="BS12" s="200"/>
      <c r="BT12" s="200"/>
      <c r="BU12" s="200"/>
      <c r="BV12" s="225"/>
      <c r="BW12" s="182"/>
      <c r="BX12" s="181"/>
      <c r="BY12" s="40"/>
      <c r="BZ12" s="40"/>
    </row>
    <row r="13" spans="1:78" ht="11.25" customHeight="1">
      <c r="A13" s="298">
        <v>1</v>
      </c>
      <c r="B13" s="299"/>
      <c r="C13" s="300"/>
      <c r="D13" s="300"/>
      <c r="E13" s="301"/>
      <c r="F13" s="299"/>
      <c r="G13" s="300"/>
      <c r="H13" s="300"/>
      <c r="I13" s="301"/>
      <c r="J13" s="313"/>
      <c r="K13" s="314"/>
      <c r="L13" s="314"/>
      <c r="M13" s="314" t="s">
        <v>32</v>
      </c>
      <c r="N13" s="314"/>
      <c r="O13" s="314"/>
      <c r="P13" s="314"/>
      <c r="Q13" s="317"/>
      <c r="R13" s="313"/>
      <c r="S13" s="314"/>
      <c r="T13" s="314"/>
      <c r="U13" s="314" t="s">
        <v>32</v>
      </c>
      <c r="V13" s="314"/>
      <c r="W13" s="314"/>
      <c r="X13" s="314"/>
      <c r="Y13" s="324"/>
      <c r="Z13" s="326"/>
      <c r="AA13" s="306"/>
      <c r="AB13" s="327"/>
      <c r="AC13" s="330"/>
      <c r="AD13" s="306"/>
      <c r="AE13" s="327"/>
      <c r="AF13" s="330"/>
      <c r="AG13" s="306"/>
      <c r="AH13" s="327"/>
      <c r="AI13" s="330"/>
      <c r="AJ13" s="306"/>
      <c r="AK13" s="327"/>
      <c r="AL13" s="332"/>
      <c r="AM13" s="333"/>
      <c r="AN13" s="334"/>
      <c r="AO13" s="342"/>
      <c r="AP13" s="333"/>
      <c r="AQ13" s="333"/>
      <c r="AR13" s="334"/>
      <c r="AS13" s="640"/>
      <c r="AT13" s="641"/>
      <c r="AU13" s="641"/>
      <c r="AV13" s="641"/>
      <c r="AW13" s="641"/>
      <c r="AX13" s="643"/>
      <c r="AY13" s="645" t="s">
        <v>77</v>
      </c>
      <c r="AZ13" s="638"/>
      <c r="BA13" s="638"/>
      <c r="BB13" s="638" t="s">
        <v>110</v>
      </c>
      <c r="BC13" s="638"/>
      <c r="BD13" s="632"/>
      <c r="BE13" s="632" t="s">
        <v>114</v>
      </c>
      <c r="BF13" s="633"/>
      <c r="BG13" s="634"/>
      <c r="BH13" s="23"/>
      <c r="BI13" s="24"/>
      <c r="BJ13" s="24"/>
      <c r="BK13" s="24"/>
      <c r="BL13" s="25"/>
      <c r="BM13" s="23"/>
      <c r="BN13" s="24"/>
      <c r="BO13" s="24"/>
      <c r="BP13" s="24"/>
      <c r="BQ13" s="25"/>
      <c r="BR13" s="177"/>
      <c r="BS13" s="101"/>
      <c r="BT13" s="26"/>
      <c r="BU13" s="177"/>
      <c r="BV13" s="27"/>
      <c r="BW13" s="181"/>
      <c r="BX13" s="65"/>
      <c r="BY13" s="40"/>
      <c r="BZ13" s="40"/>
    </row>
    <row r="14" spans="1:78" ht="11.25" customHeight="1">
      <c r="A14" s="298"/>
      <c r="B14" s="302"/>
      <c r="C14" s="303"/>
      <c r="D14" s="303"/>
      <c r="E14" s="304"/>
      <c r="F14" s="302"/>
      <c r="G14" s="303"/>
      <c r="H14" s="303"/>
      <c r="I14" s="304"/>
      <c r="J14" s="315"/>
      <c r="K14" s="316"/>
      <c r="L14" s="316"/>
      <c r="M14" s="316"/>
      <c r="N14" s="316"/>
      <c r="O14" s="316"/>
      <c r="P14" s="316"/>
      <c r="Q14" s="318"/>
      <c r="R14" s="315"/>
      <c r="S14" s="316"/>
      <c r="T14" s="316"/>
      <c r="U14" s="316"/>
      <c r="V14" s="316"/>
      <c r="W14" s="316"/>
      <c r="X14" s="316"/>
      <c r="Y14" s="325"/>
      <c r="Z14" s="328"/>
      <c r="AA14" s="309"/>
      <c r="AB14" s="329"/>
      <c r="AC14" s="331"/>
      <c r="AD14" s="309"/>
      <c r="AE14" s="329"/>
      <c r="AF14" s="331"/>
      <c r="AG14" s="309"/>
      <c r="AH14" s="329"/>
      <c r="AI14" s="331"/>
      <c r="AJ14" s="309"/>
      <c r="AK14" s="329"/>
      <c r="AL14" s="335"/>
      <c r="AM14" s="336"/>
      <c r="AN14" s="337"/>
      <c r="AO14" s="343"/>
      <c r="AP14" s="336"/>
      <c r="AQ14" s="336"/>
      <c r="AR14" s="337"/>
      <c r="AS14" s="642"/>
      <c r="AT14" s="379"/>
      <c r="AU14" s="379"/>
      <c r="AV14" s="379"/>
      <c r="AW14" s="379"/>
      <c r="AX14" s="644"/>
      <c r="AY14" s="646"/>
      <c r="AZ14" s="639"/>
      <c r="BA14" s="639"/>
      <c r="BB14" s="639"/>
      <c r="BC14" s="639"/>
      <c r="BD14" s="635"/>
      <c r="BE14" s="635"/>
      <c r="BF14" s="636"/>
      <c r="BG14" s="637"/>
      <c r="BH14" s="28"/>
      <c r="BI14" s="29"/>
      <c r="BJ14" s="29"/>
      <c r="BK14" s="29"/>
      <c r="BL14" s="30"/>
      <c r="BM14" s="28"/>
      <c r="BN14" s="29"/>
      <c r="BO14" s="29"/>
      <c r="BP14" s="29"/>
      <c r="BQ14" s="30"/>
      <c r="BR14" s="178"/>
      <c r="BS14" s="103"/>
      <c r="BT14" s="31"/>
      <c r="BU14" s="178"/>
      <c r="BV14" s="32"/>
      <c r="BW14" s="181"/>
      <c r="BX14" s="65"/>
      <c r="BY14" s="40"/>
      <c r="BZ14" s="40"/>
    </row>
    <row r="15" spans="1:78" ht="11.25" customHeight="1">
      <c r="A15" s="298">
        <v>2</v>
      </c>
      <c r="B15" s="299"/>
      <c r="C15" s="300"/>
      <c r="D15" s="300"/>
      <c r="E15" s="301"/>
      <c r="F15" s="299"/>
      <c r="G15" s="300"/>
      <c r="H15" s="300"/>
      <c r="I15" s="301"/>
      <c r="J15" s="313"/>
      <c r="K15" s="314"/>
      <c r="L15" s="314"/>
      <c r="M15" s="314" t="s">
        <v>32</v>
      </c>
      <c r="N15" s="314"/>
      <c r="O15" s="314"/>
      <c r="P15" s="314"/>
      <c r="Q15" s="317"/>
      <c r="R15" s="313"/>
      <c r="S15" s="314"/>
      <c r="T15" s="314"/>
      <c r="U15" s="314" t="s">
        <v>32</v>
      </c>
      <c r="V15" s="314"/>
      <c r="W15" s="314"/>
      <c r="X15" s="314"/>
      <c r="Y15" s="324"/>
      <c r="Z15" s="326"/>
      <c r="AA15" s="306"/>
      <c r="AB15" s="327"/>
      <c r="AC15" s="330"/>
      <c r="AD15" s="306"/>
      <c r="AE15" s="327"/>
      <c r="AF15" s="330"/>
      <c r="AG15" s="306"/>
      <c r="AH15" s="327"/>
      <c r="AI15" s="330"/>
      <c r="AJ15" s="306"/>
      <c r="AK15" s="327"/>
      <c r="AL15" s="332"/>
      <c r="AM15" s="333"/>
      <c r="AN15" s="334"/>
      <c r="AO15" s="342"/>
      <c r="AP15" s="333"/>
      <c r="AQ15" s="333"/>
      <c r="AR15" s="334"/>
      <c r="AS15" s="640"/>
      <c r="AT15" s="641"/>
      <c r="AU15" s="641"/>
      <c r="AV15" s="641"/>
      <c r="AW15" s="641"/>
      <c r="AX15" s="643"/>
      <c r="AY15" s="645" t="s">
        <v>77</v>
      </c>
      <c r="AZ15" s="638"/>
      <c r="BA15" s="638"/>
      <c r="BB15" s="638" t="s">
        <v>110</v>
      </c>
      <c r="BC15" s="638"/>
      <c r="BD15" s="632"/>
      <c r="BE15" s="632" t="s">
        <v>114</v>
      </c>
      <c r="BF15" s="633"/>
      <c r="BG15" s="634"/>
      <c r="BH15" s="23"/>
      <c r="BI15" s="24"/>
      <c r="BJ15" s="24"/>
      <c r="BK15" s="24"/>
      <c r="BL15" s="25"/>
      <c r="BM15" s="23"/>
      <c r="BN15" s="24"/>
      <c r="BO15" s="24"/>
      <c r="BP15" s="24"/>
      <c r="BQ15" s="25"/>
      <c r="BR15" s="177"/>
      <c r="BS15" s="101"/>
      <c r="BT15" s="24"/>
      <c r="BU15" s="177"/>
      <c r="BV15" s="25"/>
      <c r="BW15" s="181"/>
      <c r="BX15" s="34"/>
      <c r="BY15" s="40"/>
      <c r="BZ15" s="40"/>
    </row>
    <row r="16" spans="1:78" ht="11.25" customHeight="1">
      <c r="A16" s="298"/>
      <c r="B16" s="302"/>
      <c r="C16" s="303"/>
      <c r="D16" s="303"/>
      <c r="E16" s="304"/>
      <c r="F16" s="302"/>
      <c r="G16" s="303"/>
      <c r="H16" s="303"/>
      <c r="I16" s="304"/>
      <c r="J16" s="315"/>
      <c r="K16" s="316"/>
      <c r="L16" s="316"/>
      <c r="M16" s="316"/>
      <c r="N16" s="316"/>
      <c r="O16" s="316"/>
      <c r="P16" s="316"/>
      <c r="Q16" s="318"/>
      <c r="R16" s="315"/>
      <c r="S16" s="316"/>
      <c r="T16" s="316"/>
      <c r="U16" s="316"/>
      <c r="V16" s="316"/>
      <c r="W16" s="316"/>
      <c r="X16" s="316"/>
      <c r="Y16" s="325"/>
      <c r="Z16" s="328"/>
      <c r="AA16" s="309"/>
      <c r="AB16" s="329"/>
      <c r="AC16" s="331"/>
      <c r="AD16" s="309"/>
      <c r="AE16" s="329"/>
      <c r="AF16" s="331"/>
      <c r="AG16" s="309"/>
      <c r="AH16" s="329"/>
      <c r="AI16" s="331"/>
      <c r="AJ16" s="309"/>
      <c r="AK16" s="329"/>
      <c r="AL16" s="335"/>
      <c r="AM16" s="336"/>
      <c r="AN16" s="337"/>
      <c r="AO16" s="343"/>
      <c r="AP16" s="336"/>
      <c r="AQ16" s="336"/>
      <c r="AR16" s="337"/>
      <c r="AS16" s="642"/>
      <c r="AT16" s="379"/>
      <c r="AU16" s="379"/>
      <c r="AV16" s="379"/>
      <c r="AW16" s="379"/>
      <c r="AX16" s="644"/>
      <c r="AY16" s="646"/>
      <c r="AZ16" s="639"/>
      <c r="BA16" s="639"/>
      <c r="BB16" s="639"/>
      <c r="BC16" s="639"/>
      <c r="BD16" s="635"/>
      <c r="BE16" s="635"/>
      <c r="BF16" s="636"/>
      <c r="BG16" s="637"/>
      <c r="BH16" s="28"/>
      <c r="BI16" s="29"/>
      <c r="BJ16" s="29"/>
      <c r="BK16" s="29"/>
      <c r="BL16" s="30"/>
      <c r="BM16" s="28"/>
      <c r="BN16" s="29"/>
      <c r="BO16" s="29"/>
      <c r="BP16" s="29"/>
      <c r="BQ16" s="30"/>
      <c r="BR16" s="178"/>
      <c r="BS16" s="103"/>
      <c r="BT16" s="29"/>
      <c r="BU16" s="178"/>
      <c r="BV16" s="30"/>
      <c r="BW16" s="181"/>
      <c r="BX16" s="34"/>
      <c r="BY16" s="40"/>
      <c r="BZ16" s="40"/>
    </row>
    <row r="17" spans="1:78" ht="11.25" customHeight="1">
      <c r="A17" s="298">
        <v>3</v>
      </c>
      <c r="B17" s="299"/>
      <c r="C17" s="300"/>
      <c r="D17" s="300"/>
      <c r="E17" s="301"/>
      <c r="F17" s="299"/>
      <c r="G17" s="300"/>
      <c r="H17" s="300"/>
      <c r="I17" s="301"/>
      <c r="J17" s="313"/>
      <c r="K17" s="314"/>
      <c r="L17" s="314"/>
      <c r="M17" s="314" t="s">
        <v>32</v>
      </c>
      <c r="N17" s="314"/>
      <c r="O17" s="314"/>
      <c r="P17" s="314"/>
      <c r="Q17" s="317"/>
      <c r="R17" s="313"/>
      <c r="S17" s="314"/>
      <c r="T17" s="314"/>
      <c r="U17" s="314" t="s">
        <v>32</v>
      </c>
      <c r="V17" s="314"/>
      <c r="W17" s="314"/>
      <c r="X17" s="314"/>
      <c r="Y17" s="324"/>
      <c r="Z17" s="326"/>
      <c r="AA17" s="306"/>
      <c r="AB17" s="327"/>
      <c r="AC17" s="330"/>
      <c r="AD17" s="306"/>
      <c r="AE17" s="327"/>
      <c r="AF17" s="330"/>
      <c r="AG17" s="306"/>
      <c r="AH17" s="327"/>
      <c r="AI17" s="330"/>
      <c r="AJ17" s="306"/>
      <c r="AK17" s="327"/>
      <c r="AL17" s="332"/>
      <c r="AM17" s="333"/>
      <c r="AN17" s="334"/>
      <c r="AO17" s="342"/>
      <c r="AP17" s="333"/>
      <c r="AQ17" s="333"/>
      <c r="AR17" s="334"/>
      <c r="AS17" s="640"/>
      <c r="AT17" s="641"/>
      <c r="AU17" s="641"/>
      <c r="AV17" s="641"/>
      <c r="AW17" s="641"/>
      <c r="AX17" s="643"/>
      <c r="AY17" s="645" t="s">
        <v>77</v>
      </c>
      <c r="AZ17" s="638"/>
      <c r="BA17" s="638"/>
      <c r="BB17" s="638" t="s">
        <v>110</v>
      </c>
      <c r="BC17" s="638"/>
      <c r="BD17" s="632"/>
      <c r="BE17" s="632" t="s">
        <v>114</v>
      </c>
      <c r="BF17" s="633"/>
      <c r="BG17" s="634"/>
      <c r="BH17" s="23"/>
      <c r="BI17" s="24"/>
      <c r="BJ17" s="24"/>
      <c r="BK17" s="24"/>
      <c r="BL17" s="25"/>
      <c r="BM17" s="23"/>
      <c r="BN17" s="24"/>
      <c r="BO17" s="24"/>
      <c r="BP17" s="24"/>
      <c r="BQ17" s="25"/>
      <c r="BR17" s="177"/>
      <c r="BS17" s="101"/>
      <c r="BT17" s="24"/>
      <c r="BU17" s="177"/>
      <c r="BV17" s="25"/>
      <c r="BW17" s="181"/>
      <c r="BX17" s="34"/>
      <c r="BY17" s="40"/>
      <c r="BZ17" s="40"/>
    </row>
    <row r="18" spans="1:78" ht="11.25" customHeight="1">
      <c r="A18" s="298"/>
      <c r="B18" s="302"/>
      <c r="C18" s="303"/>
      <c r="D18" s="303"/>
      <c r="E18" s="304"/>
      <c r="F18" s="302"/>
      <c r="G18" s="303"/>
      <c r="H18" s="303"/>
      <c r="I18" s="304"/>
      <c r="J18" s="315"/>
      <c r="K18" s="316"/>
      <c r="L18" s="316"/>
      <c r="M18" s="316"/>
      <c r="N18" s="316"/>
      <c r="O18" s="316"/>
      <c r="P18" s="316"/>
      <c r="Q18" s="318"/>
      <c r="R18" s="315"/>
      <c r="S18" s="316"/>
      <c r="T18" s="316"/>
      <c r="U18" s="316"/>
      <c r="V18" s="316"/>
      <c r="W18" s="316"/>
      <c r="X18" s="316"/>
      <c r="Y18" s="325"/>
      <c r="Z18" s="328"/>
      <c r="AA18" s="309"/>
      <c r="AB18" s="329"/>
      <c r="AC18" s="331"/>
      <c r="AD18" s="309"/>
      <c r="AE18" s="329"/>
      <c r="AF18" s="331"/>
      <c r="AG18" s="309"/>
      <c r="AH18" s="329"/>
      <c r="AI18" s="331"/>
      <c r="AJ18" s="309"/>
      <c r="AK18" s="329"/>
      <c r="AL18" s="335"/>
      <c r="AM18" s="336"/>
      <c r="AN18" s="337"/>
      <c r="AO18" s="343"/>
      <c r="AP18" s="336"/>
      <c r="AQ18" s="336"/>
      <c r="AR18" s="337"/>
      <c r="AS18" s="642"/>
      <c r="AT18" s="379"/>
      <c r="AU18" s="379"/>
      <c r="AV18" s="379"/>
      <c r="AW18" s="379"/>
      <c r="AX18" s="644"/>
      <c r="AY18" s="646"/>
      <c r="AZ18" s="639"/>
      <c r="BA18" s="639"/>
      <c r="BB18" s="639"/>
      <c r="BC18" s="639"/>
      <c r="BD18" s="635"/>
      <c r="BE18" s="635"/>
      <c r="BF18" s="636"/>
      <c r="BG18" s="637"/>
      <c r="BH18" s="28"/>
      <c r="BI18" s="29"/>
      <c r="BJ18" s="29"/>
      <c r="BK18" s="29"/>
      <c r="BL18" s="30"/>
      <c r="BM18" s="28"/>
      <c r="BN18" s="29"/>
      <c r="BO18" s="29"/>
      <c r="BP18" s="29"/>
      <c r="BQ18" s="30"/>
      <c r="BR18" s="178"/>
      <c r="BS18" s="103"/>
      <c r="BT18" s="29"/>
      <c r="BU18" s="178"/>
      <c r="BV18" s="30"/>
      <c r="BW18" s="181"/>
      <c r="BX18" s="34"/>
      <c r="BY18" s="40"/>
      <c r="BZ18" s="40"/>
    </row>
    <row r="19" spans="1:78" ht="11.25" customHeight="1">
      <c r="A19" s="298">
        <v>4</v>
      </c>
      <c r="B19" s="299"/>
      <c r="C19" s="300"/>
      <c r="D19" s="300"/>
      <c r="E19" s="301"/>
      <c r="F19" s="299"/>
      <c r="G19" s="300"/>
      <c r="H19" s="300"/>
      <c r="I19" s="301"/>
      <c r="J19" s="313"/>
      <c r="K19" s="314"/>
      <c r="L19" s="314"/>
      <c r="M19" s="314" t="s">
        <v>32</v>
      </c>
      <c r="N19" s="314"/>
      <c r="O19" s="314"/>
      <c r="P19" s="314"/>
      <c r="Q19" s="317"/>
      <c r="R19" s="313"/>
      <c r="S19" s="314"/>
      <c r="T19" s="314"/>
      <c r="U19" s="314" t="s">
        <v>32</v>
      </c>
      <c r="V19" s="314"/>
      <c r="W19" s="314"/>
      <c r="X19" s="314"/>
      <c r="Y19" s="324"/>
      <c r="Z19" s="326"/>
      <c r="AA19" s="306"/>
      <c r="AB19" s="327"/>
      <c r="AC19" s="330"/>
      <c r="AD19" s="306"/>
      <c r="AE19" s="327"/>
      <c r="AF19" s="330"/>
      <c r="AG19" s="306"/>
      <c r="AH19" s="327"/>
      <c r="AI19" s="330"/>
      <c r="AJ19" s="306"/>
      <c r="AK19" s="327"/>
      <c r="AL19" s="332"/>
      <c r="AM19" s="333"/>
      <c r="AN19" s="334"/>
      <c r="AO19" s="342"/>
      <c r="AP19" s="333"/>
      <c r="AQ19" s="333"/>
      <c r="AR19" s="334"/>
      <c r="AS19" s="640"/>
      <c r="AT19" s="641"/>
      <c r="AU19" s="641"/>
      <c r="AV19" s="641"/>
      <c r="AW19" s="641"/>
      <c r="AX19" s="643"/>
      <c r="AY19" s="645" t="s">
        <v>77</v>
      </c>
      <c r="AZ19" s="638"/>
      <c r="BA19" s="638"/>
      <c r="BB19" s="638" t="s">
        <v>110</v>
      </c>
      <c r="BC19" s="638"/>
      <c r="BD19" s="632"/>
      <c r="BE19" s="632" t="s">
        <v>114</v>
      </c>
      <c r="BF19" s="633"/>
      <c r="BG19" s="634"/>
      <c r="BH19" s="23"/>
      <c r="BI19" s="24"/>
      <c r="BJ19" s="24"/>
      <c r="BK19" s="24"/>
      <c r="BL19" s="25"/>
      <c r="BM19" s="23"/>
      <c r="BN19" s="24"/>
      <c r="BO19" s="24"/>
      <c r="BP19" s="24"/>
      <c r="BQ19" s="25"/>
      <c r="BR19" s="177"/>
      <c r="BS19" s="101"/>
      <c r="BT19" s="24"/>
      <c r="BU19" s="177"/>
      <c r="BV19" s="25"/>
      <c r="BW19" s="181"/>
      <c r="BX19" s="34"/>
      <c r="BY19" s="40"/>
      <c r="BZ19" s="40"/>
    </row>
    <row r="20" spans="1:78" ht="11.25" customHeight="1">
      <c r="A20" s="298"/>
      <c r="B20" s="302"/>
      <c r="C20" s="303"/>
      <c r="D20" s="303"/>
      <c r="E20" s="304"/>
      <c r="F20" s="302"/>
      <c r="G20" s="303"/>
      <c r="H20" s="303"/>
      <c r="I20" s="304"/>
      <c r="J20" s="315"/>
      <c r="K20" s="316"/>
      <c r="L20" s="316"/>
      <c r="M20" s="316"/>
      <c r="N20" s="316"/>
      <c r="O20" s="316"/>
      <c r="P20" s="316"/>
      <c r="Q20" s="318"/>
      <c r="R20" s="315"/>
      <c r="S20" s="316"/>
      <c r="T20" s="316"/>
      <c r="U20" s="316"/>
      <c r="V20" s="316"/>
      <c r="W20" s="316"/>
      <c r="X20" s="316"/>
      <c r="Y20" s="325"/>
      <c r="Z20" s="328"/>
      <c r="AA20" s="309"/>
      <c r="AB20" s="329"/>
      <c r="AC20" s="331"/>
      <c r="AD20" s="309"/>
      <c r="AE20" s="329"/>
      <c r="AF20" s="331"/>
      <c r="AG20" s="309"/>
      <c r="AH20" s="329"/>
      <c r="AI20" s="331"/>
      <c r="AJ20" s="309"/>
      <c r="AK20" s="329"/>
      <c r="AL20" s="335"/>
      <c r="AM20" s="336"/>
      <c r="AN20" s="337"/>
      <c r="AO20" s="343"/>
      <c r="AP20" s="336"/>
      <c r="AQ20" s="336"/>
      <c r="AR20" s="337"/>
      <c r="AS20" s="642"/>
      <c r="AT20" s="379"/>
      <c r="AU20" s="379"/>
      <c r="AV20" s="379"/>
      <c r="AW20" s="379"/>
      <c r="AX20" s="644"/>
      <c r="AY20" s="646"/>
      <c r="AZ20" s="639"/>
      <c r="BA20" s="639"/>
      <c r="BB20" s="639"/>
      <c r="BC20" s="639"/>
      <c r="BD20" s="635"/>
      <c r="BE20" s="635"/>
      <c r="BF20" s="636"/>
      <c r="BG20" s="637"/>
      <c r="BH20" s="28"/>
      <c r="BI20" s="29"/>
      <c r="BJ20" s="29"/>
      <c r="BK20" s="29"/>
      <c r="BL20" s="30"/>
      <c r="BM20" s="28"/>
      <c r="BN20" s="29"/>
      <c r="BO20" s="29"/>
      <c r="BP20" s="29"/>
      <c r="BQ20" s="30"/>
      <c r="BR20" s="178"/>
      <c r="BS20" s="103"/>
      <c r="BT20" s="29"/>
      <c r="BU20" s="178"/>
      <c r="BV20" s="30"/>
      <c r="BW20" s="181"/>
      <c r="BX20" s="34"/>
      <c r="BY20" s="40"/>
      <c r="BZ20" s="40"/>
    </row>
    <row r="21" spans="1:78" ht="11.25" customHeight="1">
      <c r="A21" s="298">
        <v>5</v>
      </c>
      <c r="B21" s="299"/>
      <c r="C21" s="300"/>
      <c r="D21" s="300"/>
      <c r="E21" s="301"/>
      <c r="F21" s="299"/>
      <c r="G21" s="300"/>
      <c r="H21" s="300"/>
      <c r="I21" s="301"/>
      <c r="J21" s="313"/>
      <c r="K21" s="314"/>
      <c r="L21" s="314"/>
      <c r="M21" s="314" t="s">
        <v>32</v>
      </c>
      <c r="N21" s="314"/>
      <c r="O21" s="314"/>
      <c r="P21" s="314"/>
      <c r="Q21" s="317"/>
      <c r="R21" s="313"/>
      <c r="S21" s="314"/>
      <c r="T21" s="314"/>
      <c r="U21" s="314" t="s">
        <v>32</v>
      </c>
      <c r="V21" s="314"/>
      <c r="W21" s="314"/>
      <c r="X21" s="314"/>
      <c r="Y21" s="324"/>
      <c r="Z21" s="326"/>
      <c r="AA21" s="306"/>
      <c r="AB21" s="327"/>
      <c r="AC21" s="330"/>
      <c r="AD21" s="306"/>
      <c r="AE21" s="327"/>
      <c r="AF21" s="330"/>
      <c r="AG21" s="306"/>
      <c r="AH21" s="327"/>
      <c r="AI21" s="330"/>
      <c r="AJ21" s="306"/>
      <c r="AK21" s="327"/>
      <c r="AL21" s="332"/>
      <c r="AM21" s="333"/>
      <c r="AN21" s="334"/>
      <c r="AO21" s="342"/>
      <c r="AP21" s="333"/>
      <c r="AQ21" s="333"/>
      <c r="AR21" s="334"/>
      <c r="AS21" s="640"/>
      <c r="AT21" s="641"/>
      <c r="AU21" s="641"/>
      <c r="AV21" s="641"/>
      <c r="AW21" s="641"/>
      <c r="AX21" s="643"/>
      <c r="AY21" s="645" t="s">
        <v>77</v>
      </c>
      <c r="AZ21" s="638"/>
      <c r="BA21" s="638"/>
      <c r="BB21" s="638" t="s">
        <v>110</v>
      </c>
      <c r="BC21" s="638"/>
      <c r="BD21" s="632"/>
      <c r="BE21" s="632" t="s">
        <v>114</v>
      </c>
      <c r="BF21" s="633"/>
      <c r="BG21" s="634"/>
      <c r="BH21" s="23"/>
      <c r="BI21" s="24"/>
      <c r="BJ21" s="24"/>
      <c r="BK21" s="24"/>
      <c r="BL21" s="25"/>
      <c r="BM21" s="23"/>
      <c r="BN21" s="24"/>
      <c r="BO21" s="24"/>
      <c r="BP21" s="24"/>
      <c r="BQ21" s="25"/>
      <c r="BR21" s="177"/>
      <c r="BS21" s="101"/>
      <c r="BT21" s="24"/>
      <c r="BU21" s="177"/>
      <c r="BV21" s="25"/>
      <c r="BW21" s="181"/>
      <c r="BX21" s="34"/>
      <c r="BY21" s="40"/>
      <c r="BZ21" s="40"/>
    </row>
    <row r="22" spans="1:78" ht="11.25" customHeight="1">
      <c r="A22" s="298"/>
      <c r="B22" s="302"/>
      <c r="C22" s="303"/>
      <c r="D22" s="303"/>
      <c r="E22" s="304"/>
      <c r="F22" s="302"/>
      <c r="G22" s="303"/>
      <c r="H22" s="303"/>
      <c r="I22" s="304"/>
      <c r="J22" s="315"/>
      <c r="K22" s="316"/>
      <c r="L22" s="316"/>
      <c r="M22" s="316"/>
      <c r="N22" s="316"/>
      <c r="O22" s="316"/>
      <c r="P22" s="316"/>
      <c r="Q22" s="318"/>
      <c r="R22" s="315"/>
      <c r="S22" s="316"/>
      <c r="T22" s="316"/>
      <c r="U22" s="316"/>
      <c r="V22" s="316"/>
      <c r="W22" s="316"/>
      <c r="X22" s="316"/>
      <c r="Y22" s="325"/>
      <c r="Z22" s="328"/>
      <c r="AA22" s="309"/>
      <c r="AB22" s="329"/>
      <c r="AC22" s="331"/>
      <c r="AD22" s="309"/>
      <c r="AE22" s="329"/>
      <c r="AF22" s="331"/>
      <c r="AG22" s="309"/>
      <c r="AH22" s="329"/>
      <c r="AI22" s="331"/>
      <c r="AJ22" s="309"/>
      <c r="AK22" s="329"/>
      <c r="AL22" s="335"/>
      <c r="AM22" s="336"/>
      <c r="AN22" s="337"/>
      <c r="AO22" s="343"/>
      <c r="AP22" s="336"/>
      <c r="AQ22" s="336"/>
      <c r="AR22" s="337"/>
      <c r="AS22" s="642"/>
      <c r="AT22" s="379"/>
      <c r="AU22" s="379"/>
      <c r="AV22" s="379"/>
      <c r="AW22" s="379"/>
      <c r="AX22" s="644"/>
      <c r="AY22" s="646"/>
      <c r="AZ22" s="639"/>
      <c r="BA22" s="639"/>
      <c r="BB22" s="639"/>
      <c r="BC22" s="639"/>
      <c r="BD22" s="635"/>
      <c r="BE22" s="635"/>
      <c r="BF22" s="636"/>
      <c r="BG22" s="637"/>
      <c r="BH22" s="28"/>
      <c r="BI22" s="29"/>
      <c r="BJ22" s="29"/>
      <c r="BK22" s="29"/>
      <c r="BL22" s="30"/>
      <c r="BM22" s="28"/>
      <c r="BN22" s="29"/>
      <c r="BO22" s="29"/>
      <c r="BP22" s="29"/>
      <c r="BQ22" s="30"/>
      <c r="BR22" s="178"/>
      <c r="BS22" s="103"/>
      <c r="BT22" s="29"/>
      <c r="BU22" s="178"/>
      <c r="BV22" s="30"/>
      <c r="BW22" s="181"/>
      <c r="BX22" s="34"/>
      <c r="BY22" s="40"/>
      <c r="BZ22" s="40"/>
    </row>
    <row r="23" spans="1:78" ht="11.25" customHeight="1">
      <c r="A23" s="298">
        <v>6</v>
      </c>
      <c r="B23" s="299"/>
      <c r="C23" s="300"/>
      <c r="D23" s="300"/>
      <c r="E23" s="301"/>
      <c r="F23" s="299"/>
      <c r="G23" s="300"/>
      <c r="H23" s="300"/>
      <c r="I23" s="301"/>
      <c r="J23" s="313"/>
      <c r="K23" s="314"/>
      <c r="L23" s="314"/>
      <c r="M23" s="314" t="s">
        <v>32</v>
      </c>
      <c r="N23" s="314"/>
      <c r="O23" s="314"/>
      <c r="P23" s="314"/>
      <c r="Q23" s="317"/>
      <c r="R23" s="313"/>
      <c r="S23" s="314"/>
      <c r="T23" s="314"/>
      <c r="U23" s="314" t="s">
        <v>32</v>
      </c>
      <c r="V23" s="314"/>
      <c r="W23" s="314"/>
      <c r="X23" s="314"/>
      <c r="Y23" s="324"/>
      <c r="Z23" s="326"/>
      <c r="AA23" s="306"/>
      <c r="AB23" s="327"/>
      <c r="AC23" s="330"/>
      <c r="AD23" s="306"/>
      <c r="AE23" s="327"/>
      <c r="AF23" s="330"/>
      <c r="AG23" s="306"/>
      <c r="AH23" s="327"/>
      <c r="AI23" s="330"/>
      <c r="AJ23" s="306"/>
      <c r="AK23" s="327"/>
      <c r="AL23" s="332"/>
      <c r="AM23" s="333"/>
      <c r="AN23" s="334"/>
      <c r="AO23" s="342"/>
      <c r="AP23" s="333"/>
      <c r="AQ23" s="333"/>
      <c r="AR23" s="334"/>
      <c r="AS23" s="640"/>
      <c r="AT23" s="641"/>
      <c r="AU23" s="641"/>
      <c r="AV23" s="641"/>
      <c r="AW23" s="641"/>
      <c r="AX23" s="643"/>
      <c r="AY23" s="645" t="s">
        <v>77</v>
      </c>
      <c r="AZ23" s="638"/>
      <c r="BA23" s="638"/>
      <c r="BB23" s="638" t="s">
        <v>110</v>
      </c>
      <c r="BC23" s="638"/>
      <c r="BD23" s="632"/>
      <c r="BE23" s="632" t="s">
        <v>114</v>
      </c>
      <c r="BF23" s="633"/>
      <c r="BG23" s="634"/>
      <c r="BH23" s="23"/>
      <c r="BI23" s="24"/>
      <c r="BJ23" s="24"/>
      <c r="BK23" s="24"/>
      <c r="BL23" s="25"/>
      <c r="BM23" s="23"/>
      <c r="BN23" s="24"/>
      <c r="BO23" s="24"/>
      <c r="BP23" s="24"/>
      <c r="BQ23" s="25"/>
      <c r="BR23" s="177"/>
      <c r="BS23" s="101"/>
      <c r="BT23" s="24"/>
      <c r="BU23" s="177"/>
      <c r="BV23" s="25"/>
      <c r="BW23" s="181"/>
      <c r="BX23" s="34"/>
      <c r="BY23" s="40"/>
      <c r="BZ23" s="40"/>
    </row>
    <row r="24" spans="1:78" ht="11.25" customHeight="1">
      <c r="A24" s="298"/>
      <c r="B24" s="302"/>
      <c r="C24" s="303"/>
      <c r="D24" s="303"/>
      <c r="E24" s="304"/>
      <c r="F24" s="302"/>
      <c r="G24" s="303"/>
      <c r="H24" s="303"/>
      <c r="I24" s="304"/>
      <c r="J24" s="315"/>
      <c r="K24" s="316"/>
      <c r="L24" s="316"/>
      <c r="M24" s="316"/>
      <c r="N24" s="316"/>
      <c r="O24" s="316"/>
      <c r="P24" s="316"/>
      <c r="Q24" s="318"/>
      <c r="R24" s="315"/>
      <c r="S24" s="316"/>
      <c r="T24" s="316"/>
      <c r="U24" s="316"/>
      <c r="V24" s="316"/>
      <c r="W24" s="316"/>
      <c r="X24" s="316"/>
      <c r="Y24" s="325"/>
      <c r="Z24" s="328"/>
      <c r="AA24" s="309"/>
      <c r="AB24" s="329"/>
      <c r="AC24" s="331"/>
      <c r="AD24" s="309"/>
      <c r="AE24" s="329"/>
      <c r="AF24" s="331"/>
      <c r="AG24" s="309"/>
      <c r="AH24" s="329"/>
      <c r="AI24" s="331"/>
      <c r="AJ24" s="309"/>
      <c r="AK24" s="329"/>
      <c r="AL24" s="335"/>
      <c r="AM24" s="336"/>
      <c r="AN24" s="337"/>
      <c r="AO24" s="343"/>
      <c r="AP24" s="336"/>
      <c r="AQ24" s="336"/>
      <c r="AR24" s="337"/>
      <c r="AS24" s="642"/>
      <c r="AT24" s="379"/>
      <c r="AU24" s="379"/>
      <c r="AV24" s="379"/>
      <c r="AW24" s="379"/>
      <c r="AX24" s="644"/>
      <c r="AY24" s="646"/>
      <c r="AZ24" s="639"/>
      <c r="BA24" s="639"/>
      <c r="BB24" s="639"/>
      <c r="BC24" s="639"/>
      <c r="BD24" s="635"/>
      <c r="BE24" s="635"/>
      <c r="BF24" s="636"/>
      <c r="BG24" s="637"/>
      <c r="BH24" s="28"/>
      <c r="BI24" s="29"/>
      <c r="BJ24" s="29"/>
      <c r="BK24" s="29"/>
      <c r="BL24" s="30"/>
      <c r="BM24" s="28"/>
      <c r="BN24" s="29"/>
      <c r="BO24" s="29"/>
      <c r="BP24" s="29"/>
      <c r="BQ24" s="30"/>
      <c r="BR24" s="178"/>
      <c r="BS24" s="103"/>
      <c r="BT24" s="29"/>
      <c r="BU24" s="178"/>
      <c r="BV24" s="30"/>
      <c r="BW24" s="181"/>
      <c r="BX24" s="34"/>
      <c r="BY24" s="40"/>
      <c r="BZ24" s="40"/>
    </row>
    <row r="25" spans="1:78" ht="11.25" customHeight="1">
      <c r="A25" s="298">
        <v>7</v>
      </c>
      <c r="B25" s="299"/>
      <c r="C25" s="300"/>
      <c r="D25" s="300"/>
      <c r="E25" s="301"/>
      <c r="F25" s="299"/>
      <c r="G25" s="300"/>
      <c r="H25" s="300"/>
      <c r="I25" s="301"/>
      <c r="J25" s="313"/>
      <c r="K25" s="314"/>
      <c r="L25" s="314"/>
      <c r="M25" s="314" t="s">
        <v>32</v>
      </c>
      <c r="N25" s="314"/>
      <c r="O25" s="314"/>
      <c r="P25" s="314"/>
      <c r="Q25" s="317"/>
      <c r="R25" s="313"/>
      <c r="S25" s="314"/>
      <c r="T25" s="314"/>
      <c r="U25" s="314" t="s">
        <v>32</v>
      </c>
      <c r="V25" s="314"/>
      <c r="W25" s="314"/>
      <c r="X25" s="314"/>
      <c r="Y25" s="324"/>
      <c r="Z25" s="326"/>
      <c r="AA25" s="306"/>
      <c r="AB25" s="327"/>
      <c r="AC25" s="330"/>
      <c r="AD25" s="306"/>
      <c r="AE25" s="327"/>
      <c r="AF25" s="330"/>
      <c r="AG25" s="306"/>
      <c r="AH25" s="327"/>
      <c r="AI25" s="330"/>
      <c r="AJ25" s="306"/>
      <c r="AK25" s="327"/>
      <c r="AL25" s="332"/>
      <c r="AM25" s="333"/>
      <c r="AN25" s="334"/>
      <c r="AO25" s="342"/>
      <c r="AP25" s="333"/>
      <c r="AQ25" s="333"/>
      <c r="AR25" s="334"/>
      <c r="AS25" s="640"/>
      <c r="AT25" s="641"/>
      <c r="AU25" s="641"/>
      <c r="AV25" s="641"/>
      <c r="AW25" s="641"/>
      <c r="AX25" s="643"/>
      <c r="AY25" s="645" t="s">
        <v>77</v>
      </c>
      <c r="AZ25" s="638"/>
      <c r="BA25" s="638"/>
      <c r="BB25" s="638" t="s">
        <v>110</v>
      </c>
      <c r="BC25" s="638"/>
      <c r="BD25" s="632"/>
      <c r="BE25" s="632" t="s">
        <v>114</v>
      </c>
      <c r="BF25" s="633"/>
      <c r="BG25" s="634"/>
      <c r="BH25" s="23"/>
      <c r="BI25" s="24"/>
      <c r="BJ25" s="24"/>
      <c r="BK25" s="24"/>
      <c r="BL25" s="25"/>
      <c r="BM25" s="23"/>
      <c r="BN25" s="24"/>
      <c r="BO25" s="24"/>
      <c r="BP25" s="24"/>
      <c r="BQ25" s="25"/>
      <c r="BR25" s="177"/>
      <c r="BS25" s="101"/>
      <c r="BT25" s="24"/>
      <c r="BU25" s="177"/>
      <c r="BV25" s="25"/>
      <c r="BW25" s="181"/>
      <c r="BX25" s="34"/>
      <c r="BY25" s="40"/>
      <c r="BZ25" s="40"/>
    </row>
    <row r="26" spans="1:78" ht="11.25" customHeight="1">
      <c r="A26" s="298"/>
      <c r="B26" s="302"/>
      <c r="C26" s="303"/>
      <c r="D26" s="303"/>
      <c r="E26" s="304"/>
      <c r="F26" s="302"/>
      <c r="G26" s="303"/>
      <c r="H26" s="303"/>
      <c r="I26" s="304"/>
      <c r="J26" s="315"/>
      <c r="K26" s="316"/>
      <c r="L26" s="316"/>
      <c r="M26" s="316"/>
      <c r="N26" s="316"/>
      <c r="O26" s="316"/>
      <c r="P26" s="316"/>
      <c r="Q26" s="318"/>
      <c r="R26" s="315"/>
      <c r="S26" s="316"/>
      <c r="T26" s="316"/>
      <c r="U26" s="316"/>
      <c r="V26" s="316"/>
      <c r="W26" s="316"/>
      <c r="X26" s="316"/>
      <c r="Y26" s="325"/>
      <c r="Z26" s="328"/>
      <c r="AA26" s="309"/>
      <c r="AB26" s="329"/>
      <c r="AC26" s="331"/>
      <c r="AD26" s="309"/>
      <c r="AE26" s="329"/>
      <c r="AF26" s="331"/>
      <c r="AG26" s="309"/>
      <c r="AH26" s="329"/>
      <c r="AI26" s="331"/>
      <c r="AJ26" s="309"/>
      <c r="AK26" s="329"/>
      <c r="AL26" s="335"/>
      <c r="AM26" s="336"/>
      <c r="AN26" s="337"/>
      <c r="AO26" s="343"/>
      <c r="AP26" s="336"/>
      <c r="AQ26" s="336"/>
      <c r="AR26" s="337"/>
      <c r="AS26" s="642"/>
      <c r="AT26" s="379"/>
      <c r="AU26" s="379"/>
      <c r="AV26" s="379"/>
      <c r="AW26" s="379"/>
      <c r="AX26" s="644"/>
      <c r="AY26" s="646"/>
      <c r="AZ26" s="639"/>
      <c r="BA26" s="639"/>
      <c r="BB26" s="639"/>
      <c r="BC26" s="639"/>
      <c r="BD26" s="635"/>
      <c r="BE26" s="635"/>
      <c r="BF26" s="636"/>
      <c r="BG26" s="637"/>
      <c r="BH26" s="28"/>
      <c r="BI26" s="29"/>
      <c r="BJ26" s="29"/>
      <c r="BK26" s="29"/>
      <c r="BL26" s="30"/>
      <c r="BM26" s="28"/>
      <c r="BN26" s="29"/>
      <c r="BO26" s="29"/>
      <c r="BP26" s="29"/>
      <c r="BQ26" s="30"/>
      <c r="BR26" s="178"/>
      <c r="BS26" s="103"/>
      <c r="BT26" s="29"/>
      <c r="BU26" s="178"/>
      <c r="BV26" s="30"/>
      <c r="BW26" s="181"/>
      <c r="BX26" s="34"/>
      <c r="BY26" s="40"/>
      <c r="BZ26" s="40"/>
    </row>
    <row r="27" spans="1:78" ht="11.25" customHeight="1">
      <c r="A27" s="298">
        <v>8</v>
      </c>
      <c r="B27" s="299"/>
      <c r="C27" s="300"/>
      <c r="D27" s="300"/>
      <c r="E27" s="301"/>
      <c r="F27" s="299"/>
      <c r="G27" s="300"/>
      <c r="H27" s="300"/>
      <c r="I27" s="301"/>
      <c r="J27" s="313"/>
      <c r="K27" s="314"/>
      <c r="L27" s="314"/>
      <c r="M27" s="314" t="s">
        <v>32</v>
      </c>
      <c r="N27" s="314"/>
      <c r="O27" s="314"/>
      <c r="P27" s="314"/>
      <c r="Q27" s="317"/>
      <c r="R27" s="313"/>
      <c r="S27" s="314"/>
      <c r="T27" s="314"/>
      <c r="U27" s="314" t="s">
        <v>32</v>
      </c>
      <c r="V27" s="314"/>
      <c r="W27" s="314"/>
      <c r="X27" s="314"/>
      <c r="Y27" s="324"/>
      <c r="Z27" s="326"/>
      <c r="AA27" s="306"/>
      <c r="AB27" s="327"/>
      <c r="AC27" s="330"/>
      <c r="AD27" s="306"/>
      <c r="AE27" s="327"/>
      <c r="AF27" s="330"/>
      <c r="AG27" s="306"/>
      <c r="AH27" s="327"/>
      <c r="AI27" s="330"/>
      <c r="AJ27" s="306"/>
      <c r="AK27" s="327"/>
      <c r="AL27" s="332"/>
      <c r="AM27" s="333"/>
      <c r="AN27" s="334"/>
      <c r="AO27" s="342"/>
      <c r="AP27" s="333"/>
      <c r="AQ27" s="333"/>
      <c r="AR27" s="334"/>
      <c r="AS27" s="640"/>
      <c r="AT27" s="641"/>
      <c r="AU27" s="641"/>
      <c r="AV27" s="641"/>
      <c r="AW27" s="641"/>
      <c r="AX27" s="643"/>
      <c r="AY27" s="645" t="s">
        <v>77</v>
      </c>
      <c r="AZ27" s="638"/>
      <c r="BA27" s="638"/>
      <c r="BB27" s="638" t="s">
        <v>110</v>
      </c>
      <c r="BC27" s="638"/>
      <c r="BD27" s="632"/>
      <c r="BE27" s="632" t="s">
        <v>114</v>
      </c>
      <c r="BF27" s="633"/>
      <c r="BG27" s="634"/>
      <c r="BH27" s="23"/>
      <c r="BI27" s="24"/>
      <c r="BJ27" s="24"/>
      <c r="BK27" s="24"/>
      <c r="BL27" s="25"/>
      <c r="BM27" s="23"/>
      <c r="BN27" s="24"/>
      <c r="BO27" s="24"/>
      <c r="BP27" s="24"/>
      <c r="BQ27" s="25"/>
      <c r="BR27" s="177"/>
      <c r="BS27" s="101"/>
      <c r="BT27" s="24"/>
      <c r="BU27" s="177"/>
      <c r="BV27" s="25"/>
      <c r="BW27" s="181"/>
      <c r="BX27" s="34"/>
      <c r="BY27" s="40"/>
      <c r="BZ27" s="40"/>
    </row>
    <row r="28" spans="1:78" ht="11.25" customHeight="1">
      <c r="A28" s="298"/>
      <c r="B28" s="302"/>
      <c r="C28" s="303"/>
      <c r="D28" s="303"/>
      <c r="E28" s="304"/>
      <c r="F28" s="302"/>
      <c r="G28" s="303"/>
      <c r="H28" s="303"/>
      <c r="I28" s="304"/>
      <c r="J28" s="315"/>
      <c r="K28" s="316"/>
      <c r="L28" s="316"/>
      <c r="M28" s="316"/>
      <c r="N28" s="316"/>
      <c r="O28" s="316"/>
      <c r="P28" s="316"/>
      <c r="Q28" s="318"/>
      <c r="R28" s="315"/>
      <c r="S28" s="316"/>
      <c r="T28" s="316"/>
      <c r="U28" s="316"/>
      <c r="V28" s="316"/>
      <c r="W28" s="316"/>
      <c r="X28" s="316"/>
      <c r="Y28" s="325"/>
      <c r="Z28" s="328"/>
      <c r="AA28" s="309"/>
      <c r="AB28" s="329"/>
      <c r="AC28" s="331"/>
      <c r="AD28" s="309"/>
      <c r="AE28" s="329"/>
      <c r="AF28" s="331"/>
      <c r="AG28" s="309"/>
      <c r="AH28" s="329"/>
      <c r="AI28" s="331"/>
      <c r="AJ28" s="309"/>
      <c r="AK28" s="329"/>
      <c r="AL28" s="335"/>
      <c r="AM28" s="336"/>
      <c r="AN28" s="337"/>
      <c r="AO28" s="343"/>
      <c r="AP28" s="336"/>
      <c r="AQ28" s="336"/>
      <c r="AR28" s="337"/>
      <c r="AS28" s="642"/>
      <c r="AT28" s="379"/>
      <c r="AU28" s="379"/>
      <c r="AV28" s="379"/>
      <c r="AW28" s="379"/>
      <c r="AX28" s="644"/>
      <c r="AY28" s="646"/>
      <c r="AZ28" s="639"/>
      <c r="BA28" s="639"/>
      <c r="BB28" s="639"/>
      <c r="BC28" s="639"/>
      <c r="BD28" s="635"/>
      <c r="BE28" s="635"/>
      <c r="BF28" s="636"/>
      <c r="BG28" s="637"/>
      <c r="BH28" s="28"/>
      <c r="BI28" s="29"/>
      <c r="BJ28" s="29"/>
      <c r="BK28" s="29"/>
      <c r="BL28" s="30"/>
      <c r="BM28" s="28"/>
      <c r="BN28" s="29"/>
      <c r="BO28" s="29"/>
      <c r="BP28" s="29"/>
      <c r="BQ28" s="30"/>
      <c r="BR28" s="178"/>
      <c r="BS28" s="103"/>
      <c r="BT28" s="29"/>
      <c r="BU28" s="178"/>
      <c r="BV28" s="30"/>
      <c r="BW28" s="181"/>
      <c r="BX28" s="34"/>
      <c r="BY28" s="40"/>
      <c r="BZ28" s="40"/>
    </row>
    <row r="29" spans="1:78" ht="11.25" customHeight="1">
      <c r="A29" s="298">
        <v>9</v>
      </c>
      <c r="B29" s="299"/>
      <c r="C29" s="300"/>
      <c r="D29" s="300"/>
      <c r="E29" s="301"/>
      <c r="F29" s="299"/>
      <c r="G29" s="300"/>
      <c r="H29" s="300"/>
      <c r="I29" s="301"/>
      <c r="J29" s="313"/>
      <c r="K29" s="314"/>
      <c r="L29" s="314"/>
      <c r="M29" s="314" t="s">
        <v>32</v>
      </c>
      <c r="N29" s="314"/>
      <c r="O29" s="314"/>
      <c r="P29" s="314"/>
      <c r="Q29" s="317"/>
      <c r="R29" s="313"/>
      <c r="S29" s="314"/>
      <c r="T29" s="314"/>
      <c r="U29" s="314" t="s">
        <v>32</v>
      </c>
      <c r="V29" s="314"/>
      <c r="W29" s="314"/>
      <c r="X29" s="314"/>
      <c r="Y29" s="324"/>
      <c r="Z29" s="326"/>
      <c r="AA29" s="306"/>
      <c r="AB29" s="327"/>
      <c r="AC29" s="330"/>
      <c r="AD29" s="306"/>
      <c r="AE29" s="327"/>
      <c r="AF29" s="330"/>
      <c r="AG29" s="306"/>
      <c r="AH29" s="327"/>
      <c r="AI29" s="330"/>
      <c r="AJ29" s="306"/>
      <c r="AK29" s="327"/>
      <c r="AL29" s="332"/>
      <c r="AM29" s="333"/>
      <c r="AN29" s="334"/>
      <c r="AO29" s="342"/>
      <c r="AP29" s="333"/>
      <c r="AQ29" s="333"/>
      <c r="AR29" s="334"/>
      <c r="AS29" s="640"/>
      <c r="AT29" s="641"/>
      <c r="AU29" s="641"/>
      <c r="AV29" s="641"/>
      <c r="AW29" s="641"/>
      <c r="AX29" s="643"/>
      <c r="AY29" s="645" t="s">
        <v>77</v>
      </c>
      <c r="AZ29" s="638"/>
      <c r="BA29" s="638"/>
      <c r="BB29" s="638" t="s">
        <v>110</v>
      </c>
      <c r="BC29" s="638"/>
      <c r="BD29" s="632"/>
      <c r="BE29" s="632" t="s">
        <v>114</v>
      </c>
      <c r="BF29" s="633"/>
      <c r="BG29" s="634"/>
      <c r="BH29" s="23"/>
      <c r="BI29" s="24"/>
      <c r="BJ29" s="24"/>
      <c r="BK29" s="24"/>
      <c r="BL29" s="25"/>
      <c r="BM29" s="23"/>
      <c r="BN29" s="24"/>
      <c r="BO29" s="24"/>
      <c r="BP29" s="24"/>
      <c r="BQ29" s="25"/>
      <c r="BR29" s="177"/>
      <c r="BS29" s="101"/>
      <c r="BT29" s="24"/>
      <c r="BU29" s="177"/>
      <c r="BV29" s="25"/>
      <c r="BW29" s="181"/>
      <c r="BX29" s="34"/>
      <c r="BY29" s="40"/>
      <c r="BZ29" s="40"/>
    </row>
    <row r="30" spans="1:78" ht="11.25" customHeight="1">
      <c r="A30" s="298"/>
      <c r="B30" s="302"/>
      <c r="C30" s="303"/>
      <c r="D30" s="303"/>
      <c r="E30" s="304"/>
      <c r="F30" s="302"/>
      <c r="G30" s="303"/>
      <c r="H30" s="303"/>
      <c r="I30" s="304"/>
      <c r="J30" s="315"/>
      <c r="K30" s="316"/>
      <c r="L30" s="316"/>
      <c r="M30" s="316"/>
      <c r="N30" s="316"/>
      <c r="O30" s="316"/>
      <c r="P30" s="316"/>
      <c r="Q30" s="318"/>
      <c r="R30" s="315"/>
      <c r="S30" s="316"/>
      <c r="T30" s="316"/>
      <c r="U30" s="316"/>
      <c r="V30" s="316"/>
      <c r="W30" s="316"/>
      <c r="X30" s="316"/>
      <c r="Y30" s="325"/>
      <c r="Z30" s="328"/>
      <c r="AA30" s="309"/>
      <c r="AB30" s="329"/>
      <c r="AC30" s="331"/>
      <c r="AD30" s="309"/>
      <c r="AE30" s="329"/>
      <c r="AF30" s="331"/>
      <c r="AG30" s="309"/>
      <c r="AH30" s="329"/>
      <c r="AI30" s="331"/>
      <c r="AJ30" s="309"/>
      <c r="AK30" s="329"/>
      <c r="AL30" s="335"/>
      <c r="AM30" s="336"/>
      <c r="AN30" s="337"/>
      <c r="AO30" s="343"/>
      <c r="AP30" s="336"/>
      <c r="AQ30" s="336"/>
      <c r="AR30" s="337"/>
      <c r="AS30" s="642"/>
      <c r="AT30" s="379"/>
      <c r="AU30" s="379"/>
      <c r="AV30" s="379"/>
      <c r="AW30" s="379"/>
      <c r="AX30" s="644"/>
      <c r="AY30" s="646"/>
      <c r="AZ30" s="639"/>
      <c r="BA30" s="639"/>
      <c r="BB30" s="639"/>
      <c r="BC30" s="639"/>
      <c r="BD30" s="635"/>
      <c r="BE30" s="635"/>
      <c r="BF30" s="636"/>
      <c r="BG30" s="637"/>
      <c r="BH30" s="28"/>
      <c r="BI30" s="29"/>
      <c r="BJ30" s="29"/>
      <c r="BK30" s="29"/>
      <c r="BL30" s="30"/>
      <c r="BM30" s="28"/>
      <c r="BN30" s="29"/>
      <c r="BO30" s="29"/>
      <c r="BP30" s="29"/>
      <c r="BQ30" s="30"/>
      <c r="BR30" s="178"/>
      <c r="BS30" s="103"/>
      <c r="BT30" s="29"/>
      <c r="BU30" s="178"/>
      <c r="BV30" s="30"/>
      <c r="BW30" s="181"/>
      <c r="BX30" s="34"/>
      <c r="BY30" s="40"/>
      <c r="BZ30" s="40"/>
    </row>
    <row r="31" spans="1:78" ht="11.25" customHeight="1">
      <c r="A31" s="298">
        <v>10</v>
      </c>
      <c r="B31" s="299"/>
      <c r="C31" s="300"/>
      <c r="D31" s="300"/>
      <c r="E31" s="301"/>
      <c r="F31" s="299"/>
      <c r="G31" s="300"/>
      <c r="H31" s="300"/>
      <c r="I31" s="301"/>
      <c r="J31" s="313"/>
      <c r="K31" s="314"/>
      <c r="L31" s="314"/>
      <c r="M31" s="314" t="s">
        <v>32</v>
      </c>
      <c r="N31" s="314"/>
      <c r="O31" s="314"/>
      <c r="P31" s="314"/>
      <c r="Q31" s="317"/>
      <c r="R31" s="313"/>
      <c r="S31" s="314"/>
      <c r="T31" s="314"/>
      <c r="U31" s="314" t="s">
        <v>32</v>
      </c>
      <c r="V31" s="314"/>
      <c r="W31" s="314"/>
      <c r="X31" s="314"/>
      <c r="Y31" s="324"/>
      <c r="Z31" s="326"/>
      <c r="AA31" s="306"/>
      <c r="AB31" s="327"/>
      <c r="AC31" s="330"/>
      <c r="AD31" s="306"/>
      <c r="AE31" s="327"/>
      <c r="AF31" s="330"/>
      <c r="AG31" s="306"/>
      <c r="AH31" s="327"/>
      <c r="AI31" s="330"/>
      <c r="AJ31" s="306"/>
      <c r="AK31" s="327"/>
      <c r="AL31" s="332"/>
      <c r="AM31" s="333"/>
      <c r="AN31" s="334"/>
      <c r="AO31" s="342"/>
      <c r="AP31" s="333"/>
      <c r="AQ31" s="333"/>
      <c r="AR31" s="334"/>
      <c r="AS31" s="640"/>
      <c r="AT31" s="641"/>
      <c r="AU31" s="641"/>
      <c r="AV31" s="641"/>
      <c r="AW31" s="641"/>
      <c r="AX31" s="643"/>
      <c r="AY31" s="645" t="s">
        <v>77</v>
      </c>
      <c r="AZ31" s="638"/>
      <c r="BA31" s="638"/>
      <c r="BB31" s="638" t="s">
        <v>110</v>
      </c>
      <c r="BC31" s="638"/>
      <c r="BD31" s="632"/>
      <c r="BE31" s="632" t="s">
        <v>114</v>
      </c>
      <c r="BF31" s="633"/>
      <c r="BG31" s="634"/>
      <c r="BH31" s="23"/>
      <c r="BI31" s="24"/>
      <c r="BJ31" s="24"/>
      <c r="BK31" s="24"/>
      <c r="BL31" s="25"/>
      <c r="BM31" s="23"/>
      <c r="BN31" s="24"/>
      <c r="BO31" s="24"/>
      <c r="BP31" s="24"/>
      <c r="BQ31" s="25"/>
      <c r="BR31" s="177"/>
      <c r="BS31" s="101"/>
      <c r="BT31" s="24"/>
      <c r="BU31" s="177"/>
      <c r="BV31" s="25"/>
      <c r="BW31" s="181"/>
      <c r="BX31" s="34"/>
      <c r="BY31" s="40"/>
      <c r="BZ31" s="40"/>
    </row>
    <row r="32" spans="1:78" ht="11.25" customHeight="1">
      <c r="A32" s="298"/>
      <c r="B32" s="302"/>
      <c r="C32" s="303"/>
      <c r="D32" s="303"/>
      <c r="E32" s="304"/>
      <c r="F32" s="302"/>
      <c r="G32" s="303"/>
      <c r="H32" s="303"/>
      <c r="I32" s="304"/>
      <c r="J32" s="315"/>
      <c r="K32" s="316"/>
      <c r="L32" s="316"/>
      <c r="M32" s="316"/>
      <c r="N32" s="316"/>
      <c r="O32" s="316"/>
      <c r="P32" s="316"/>
      <c r="Q32" s="318"/>
      <c r="R32" s="315"/>
      <c r="S32" s="316"/>
      <c r="T32" s="316"/>
      <c r="U32" s="316"/>
      <c r="V32" s="316"/>
      <c r="W32" s="316"/>
      <c r="X32" s="316"/>
      <c r="Y32" s="325"/>
      <c r="Z32" s="328"/>
      <c r="AA32" s="309"/>
      <c r="AB32" s="329"/>
      <c r="AC32" s="331"/>
      <c r="AD32" s="309"/>
      <c r="AE32" s="329"/>
      <c r="AF32" s="331"/>
      <c r="AG32" s="309"/>
      <c r="AH32" s="329"/>
      <c r="AI32" s="331"/>
      <c r="AJ32" s="309"/>
      <c r="AK32" s="329"/>
      <c r="AL32" s="335"/>
      <c r="AM32" s="336"/>
      <c r="AN32" s="337"/>
      <c r="AO32" s="343"/>
      <c r="AP32" s="336"/>
      <c r="AQ32" s="336"/>
      <c r="AR32" s="337"/>
      <c r="AS32" s="642"/>
      <c r="AT32" s="379"/>
      <c r="AU32" s="379"/>
      <c r="AV32" s="379"/>
      <c r="AW32" s="379"/>
      <c r="AX32" s="644"/>
      <c r="AY32" s="646"/>
      <c r="AZ32" s="639"/>
      <c r="BA32" s="639"/>
      <c r="BB32" s="639"/>
      <c r="BC32" s="639"/>
      <c r="BD32" s="635"/>
      <c r="BE32" s="635"/>
      <c r="BF32" s="636"/>
      <c r="BG32" s="637"/>
      <c r="BH32" s="28"/>
      <c r="BI32" s="29"/>
      <c r="BJ32" s="29"/>
      <c r="BK32" s="29"/>
      <c r="BL32" s="30"/>
      <c r="BM32" s="28"/>
      <c r="BN32" s="29"/>
      <c r="BO32" s="29"/>
      <c r="BP32" s="29"/>
      <c r="BQ32" s="30"/>
      <c r="BR32" s="178"/>
      <c r="BS32" s="103"/>
      <c r="BT32" s="29"/>
      <c r="BU32" s="178"/>
      <c r="BV32" s="30"/>
      <c r="BW32" s="181"/>
      <c r="BX32" s="34"/>
      <c r="BY32" s="40"/>
      <c r="BZ32" s="40"/>
    </row>
    <row r="33" spans="1:78" ht="11.25" customHeight="1">
      <c r="A33" s="298">
        <v>11</v>
      </c>
      <c r="B33" s="299"/>
      <c r="C33" s="300"/>
      <c r="D33" s="300"/>
      <c r="E33" s="301"/>
      <c r="F33" s="299"/>
      <c r="G33" s="300"/>
      <c r="H33" s="300"/>
      <c r="I33" s="301"/>
      <c r="J33" s="313"/>
      <c r="K33" s="314"/>
      <c r="L33" s="314"/>
      <c r="M33" s="314" t="s">
        <v>32</v>
      </c>
      <c r="N33" s="314"/>
      <c r="O33" s="314"/>
      <c r="P33" s="314"/>
      <c r="Q33" s="317"/>
      <c r="R33" s="313"/>
      <c r="S33" s="314"/>
      <c r="T33" s="314"/>
      <c r="U33" s="314" t="s">
        <v>32</v>
      </c>
      <c r="V33" s="314"/>
      <c r="W33" s="314"/>
      <c r="X33" s="314"/>
      <c r="Y33" s="324"/>
      <c r="Z33" s="326"/>
      <c r="AA33" s="306"/>
      <c r="AB33" s="327"/>
      <c r="AC33" s="330"/>
      <c r="AD33" s="306"/>
      <c r="AE33" s="327"/>
      <c r="AF33" s="330"/>
      <c r="AG33" s="306"/>
      <c r="AH33" s="327"/>
      <c r="AI33" s="330"/>
      <c r="AJ33" s="306"/>
      <c r="AK33" s="327"/>
      <c r="AL33" s="332"/>
      <c r="AM33" s="333"/>
      <c r="AN33" s="334"/>
      <c r="AO33" s="342"/>
      <c r="AP33" s="333"/>
      <c r="AQ33" s="333"/>
      <c r="AR33" s="334"/>
      <c r="AS33" s="640"/>
      <c r="AT33" s="641"/>
      <c r="AU33" s="641"/>
      <c r="AV33" s="641"/>
      <c r="AW33" s="641"/>
      <c r="AX33" s="643"/>
      <c r="AY33" s="645" t="s">
        <v>77</v>
      </c>
      <c r="AZ33" s="638"/>
      <c r="BA33" s="638"/>
      <c r="BB33" s="638" t="s">
        <v>110</v>
      </c>
      <c r="BC33" s="638"/>
      <c r="BD33" s="632"/>
      <c r="BE33" s="632" t="s">
        <v>114</v>
      </c>
      <c r="BF33" s="633"/>
      <c r="BG33" s="634"/>
      <c r="BH33" s="23"/>
      <c r="BI33" s="24"/>
      <c r="BJ33" s="24"/>
      <c r="BK33" s="24"/>
      <c r="BL33" s="25"/>
      <c r="BM33" s="23"/>
      <c r="BN33" s="24"/>
      <c r="BO33" s="24"/>
      <c r="BP33" s="24"/>
      <c r="BQ33" s="25"/>
      <c r="BR33" s="177"/>
      <c r="BS33" s="101"/>
      <c r="BT33" s="24"/>
      <c r="BU33" s="177"/>
      <c r="BV33" s="25"/>
      <c r="BW33" s="181"/>
      <c r="BX33" s="34"/>
      <c r="BY33" s="40"/>
      <c r="BZ33" s="40"/>
    </row>
    <row r="34" spans="1:78" ht="11.25" customHeight="1">
      <c r="A34" s="298"/>
      <c r="B34" s="302"/>
      <c r="C34" s="303"/>
      <c r="D34" s="303"/>
      <c r="E34" s="304"/>
      <c r="F34" s="302"/>
      <c r="G34" s="303"/>
      <c r="H34" s="303"/>
      <c r="I34" s="304"/>
      <c r="J34" s="315"/>
      <c r="K34" s="316"/>
      <c r="L34" s="316"/>
      <c r="M34" s="316"/>
      <c r="N34" s="316"/>
      <c r="O34" s="316"/>
      <c r="P34" s="316"/>
      <c r="Q34" s="318"/>
      <c r="R34" s="315"/>
      <c r="S34" s="316"/>
      <c r="T34" s="316"/>
      <c r="U34" s="316"/>
      <c r="V34" s="316"/>
      <c r="W34" s="316"/>
      <c r="X34" s="316"/>
      <c r="Y34" s="325"/>
      <c r="Z34" s="328"/>
      <c r="AA34" s="309"/>
      <c r="AB34" s="329"/>
      <c r="AC34" s="331"/>
      <c r="AD34" s="309"/>
      <c r="AE34" s="329"/>
      <c r="AF34" s="331"/>
      <c r="AG34" s="309"/>
      <c r="AH34" s="329"/>
      <c r="AI34" s="331"/>
      <c r="AJ34" s="309"/>
      <c r="AK34" s="329"/>
      <c r="AL34" s="335"/>
      <c r="AM34" s="336"/>
      <c r="AN34" s="337"/>
      <c r="AO34" s="343"/>
      <c r="AP34" s="336"/>
      <c r="AQ34" s="336"/>
      <c r="AR34" s="337"/>
      <c r="AS34" s="642"/>
      <c r="AT34" s="379"/>
      <c r="AU34" s="379"/>
      <c r="AV34" s="379"/>
      <c r="AW34" s="379"/>
      <c r="AX34" s="644"/>
      <c r="AY34" s="646"/>
      <c r="AZ34" s="639"/>
      <c r="BA34" s="639"/>
      <c r="BB34" s="639"/>
      <c r="BC34" s="639"/>
      <c r="BD34" s="635"/>
      <c r="BE34" s="635"/>
      <c r="BF34" s="636"/>
      <c r="BG34" s="637"/>
      <c r="BH34" s="28"/>
      <c r="BI34" s="29"/>
      <c r="BJ34" s="29"/>
      <c r="BK34" s="29"/>
      <c r="BL34" s="30"/>
      <c r="BM34" s="28"/>
      <c r="BN34" s="29"/>
      <c r="BO34" s="29"/>
      <c r="BP34" s="29"/>
      <c r="BQ34" s="30"/>
      <c r="BR34" s="178"/>
      <c r="BS34" s="103"/>
      <c r="BT34" s="29"/>
      <c r="BU34" s="178"/>
      <c r="BV34" s="30"/>
      <c r="BW34" s="181"/>
      <c r="BX34" s="34"/>
      <c r="BY34" s="40"/>
      <c r="BZ34" s="40"/>
    </row>
    <row r="35" spans="1:78" ht="11.25" customHeight="1">
      <c r="A35" s="298">
        <v>12</v>
      </c>
      <c r="B35" s="299"/>
      <c r="C35" s="300"/>
      <c r="D35" s="300"/>
      <c r="E35" s="301"/>
      <c r="F35" s="299"/>
      <c r="G35" s="300"/>
      <c r="H35" s="300"/>
      <c r="I35" s="301"/>
      <c r="J35" s="313"/>
      <c r="K35" s="314"/>
      <c r="L35" s="314"/>
      <c r="M35" s="314" t="s">
        <v>32</v>
      </c>
      <c r="N35" s="314"/>
      <c r="O35" s="314"/>
      <c r="P35" s="314"/>
      <c r="Q35" s="317"/>
      <c r="R35" s="313"/>
      <c r="S35" s="314"/>
      <c r="T35" s="314"/>
      <c r="U35" s="314" t="s">
        <v>32</v>
      </c>
      <c r="V35" s="314"/>
      <c r="W35" s="314"/>
      <c r="X35" s="314"/>
      <c r="Y35" s="324"/>
      <c r="Z35" s="326"/>
      <c r="AA35" s="306"/>
      <c r="AB35" s="327"/>
      <c r="AC35" s="330"/>
      <c r="AD35" s="306"/>
      <c r="AE35" s="327"/>
      <c r="AF35" s="330"/>
      <c r="AG35" s="306"/>
      <c r="AH35" s="327"/>
      <c r="AI35" s="330"/>
      <c r="AJ35" s="306"/>
      <c r="AK35" s="327"/>
      <c r="AL35" s="332"/>
      <c r="AM35" s="333"/>
      <c r="AN35" s="334"/>
      <c r="AO35" s="342"/>
      <c r="AP35" s="333"/>
      <c r="AQ35" s="333"/>
      <c r="AR35" s="334"/>
      <c r="AS35" s="640"/>
      <c r="AT35" s="641"/>
      <c r="AU35" s="641"/>
      <c r="AV35" s="641"/>
      <c r="AW35" s="641"/>
      <c r="AX35" s="643"/>
      <c r="AY35" s="645" t="s">
        <v>77</v>
      </c>
      <c r="AZ35" s="638"/>
      <c r="BA35" s="638"/>
      <c r="BB35" s="638" t="s">
        <v>110</v>
      </c>
      <c r="BC35" s="638"/>
      <c r="BD35" s="632"/>
      <c r="BE35" s="632" t="s">
        <v>114</v>
      </c>
      <c r="BF35" s="633"/>
      <c r="BG35" s="634"/>
      <c r="BH35" s="23"/>
      <c r="BI35" s="24"/>
      <c r="BJ35" s="24"/>
      <c r="BK35" s="24"/>
      <c r="BL35" s="25"/>
      <c r="BM35" s="23"/>
      <c r="BN35" s="24"/>
      <c r="BO35" s="24"/>
      <c r="BP35" s="24"/>
      <c r="BQ35" s="25"/>
      <c r="BR35" s="177"/>
      <c r="BS35" s="101"/>
      <c r="BT35" s="24"/>
      <c r="BU35" s="177"/>
      <c r="BV35" s="25"/>
      <c r="BW35" s="181"/>
      <c r="BX35" s="34"/>
      <c r="BY35" s="40"/>
      <c r="BZ35" s="40"/>
    </row>
    <row r="36" spans="1:78" ht="11.25" customHeight="1">
      <c r="A36" s="298"/>
      <c r="B36" s="302"/>
      <c r="C36" s="303"/>
      <c r="D36" s="303"/>
      <c r="E36" s="304"/>
      <c r="F36" s="302"/>
      <c r="G36" s="303"/>
      <c r="H36" s="303"/>
      <c r="I36" s="304"/>
      <c r="J36" s="315"/>
      <c r="K36" s="316"/>
      <c r="L36" s="316"/>
      <c r="M36" s="316"/>
      <c r="N36" s="316"/>
      <c r="O36" s="316"/>
      <c r="P36" s="316"/>
      <c r="Q36" s="318"/>
      <c r="R36" s="315"/>
      <c r="S36" s="316"/>
      <c r="T36" s="316"/>
      <c r="U36" s="316"/>
      <c r="V36" s="316"/>
      <c r="W36" s="316"/>
      <c r="X36" s="316"/>
      <c r="Y36" s="325"/>
      <c r="Z36" s="328"/>
      <c r="AA36" s="309"/>
      <c r="AB36" s="329"/>
      <c r="AC36" s="331"/>
      <c r="AD36" s="309"/>
      <c r="AE36" s="329"/>
      <c r="AF36" s="331"/>
      <c r="AG36" s="309"/>
      <c r="AH36" s="329"/>
      <c r="AI36" s="331"/>
      <c r="AJ36" s="309"/>
      <c r="AK36" s="329"/>
      <c r="AL36" s="335"/>
      <c r="AM36" s="336"/>
      <c r="AN36" s="337"/>
      <c r="AO36" s="343"/>
      <c r="AP36" s="336"/>
      <c r="AQ36" s="336"/>
      <c r="AR36" s="337"/>
      <c r="AS36" s="642"/>
      <c r="AT36" s="379"/>
      <c r="AU36" s="379"/>
      <c r="AV36" s="379"/>
      <c r="AW36" s="379"/>
      <c r="AX36" s="644"/>
      <c r="AY36" s="646"/>
      <c r="AZ36" s="639"/>
      <c r="BA36" s="639"/>
      <c r="BB36" s="639"/>
      <c r="BC36" s="639"/>
      <c r="BD36" s="635"/>
      <c r="BE36" s="635"/>
      <c r="BF36" s="636"/>
      <c r="BG36" s="637"/>
      <c r="BH36" s="28"/>
      <c r="BI36" s="29"/>
      <c r="BJ36" s="29"/>
      <c r="BK36" s="29"/>
      <c r="BL36" s="30"/>
      <c r="BM36" s="28"/>
      <c r="BN36" s="29"/>
      <c r="BO36" s="29"/>
      <c r="BP36" s="29"/>
      <c r="BQ36" s="30"/>
      <c r="BR36" s="178"/>
      <c r="BS36" s="103"/>
      <c r="BT36" s="29"/>
      <c r="BU36" s="178"/>
      <c r="BV36" s="30"/>
      <c r="BW36" s="181"/>
      <c r="BX36" s="34"/>
      <c r="BY36" s="40"/>
      <c r="BZ36" s="40"/>
    </row>
    <row r="37" spans="1:78" ht="11.25" customHeight="1">
      <c r="A37" s="298">
        <v>13</v>
      </c>
      <c r="B37" s="299"/>
      <c r="C37" s="300"/>
      <c r="D37" s="300"/>
      <c r="E37" s="301"/>
      <c r="F37" s="299"/>
      <c r="G37" s="300"/>
      <c r="H37" s="300"/>
      <c r="I37" s="301"/>
      <c r="J37" s="313"/>
      <c r="K37" s="314"/>
      <c r="L37" s="314"/>
      <c r="M37" s="314" t="s">
        <v>32</v>
      </c>
      <c r="N37" s="314"/>
      <c r="O37" s="314"/>
      <c r="P37" s="314"/>
      <c r="Q37" s="317"/>
      <c r="R37" s="313"/>
      <c r="S37" s="314"/>
      <c r="T37" s="314"/>
      <c r="U37" s="314" t="s">
        <v>32</v>
      </c>
      <c r="V37" s="314"/>
      <c r="W37" s="314"/>
      <c r="X37" s="314"/>
      <c r="Y37" s="324"/>
      <c r="Z37" s="326"/>
      <c r="AA37" s="306"/>
      <c r="AB37" s="327"/>
      <c r="AC37" s="330"/>
      <c r="AD37" s="306"/>
      <c r="AE37" s="327"/>
      <c r="AF37" s="330"/>
      <c r="AG37" s="306"/>
      <c r="AH37" s="327"/>
      <c r="AI37" s="330"/>
      <c r="AJ37" s="306"/>
      <c r="AK37" s="327"/>
      <c r="AL37" s="332"/>
      <c r="AM37" s="333"/>
      <c r="AN37" s="334"/>
      <c r="AO37" s="342"/>
      <c r="AP37" s="333"/>
      <c r="AQ37" s="333"/>
      <c r="AR37" s="334"/>
      <c r="AS37" s="640"/>
      <c r="AT37" s="641"/>
      <c r="AU37" s="641"/>
      <c r="AV37" s="641"/>
      <c r="AW37" s="641"/>
      <c r="AX37" s="643"/>
      <c r="AY37" s="645" t="s">
        <v>77</v>
      </c>
      <c r="AZ37" s="638"/>
      <c r="BA37" s="638"/>
      <c r="BB37" s="638" t="s">
        <v>110</v>
      </c>
      <c r="BC37" s="638"/>
      <c r="BD37" s="632"/>
      <c r="BE37" s="632" t="s">
        <v>114</v>
      </c>
      <c r="BF37" s="633"/>
      <c r="BG37" s="634"/>
      <c r="BH37" s="23"/>
      <c r="BI37" s="24"/>
      <c r="BJ37" s="24"/>
      <c r="BK37" s="24"/>
      <c r="BL37" s="25"/>
      <c r="BM37" s="23"/>
      <c r="BN37" s="24"/>
      <c r="BO37" s="24"/>
      <c r="BP37" s="24"/>
      <c r="BQ37" s="25"/>
      <c r="BR37" s="177"/>
      <c r="BS37" s="101"/>
      <c r="BT37" s="24"/>
      <c r="BU37" s="177"/>
      <c r="BV37" s="25"/>
      <c r="BW37" s="181"/>
      <c r="BX37" s="34"/>
      <c r="BY37" s="40"/>
      <c r="BZ37" s="40"/>
    </row>
    <row r="38" spans="1:78" ht="11.25" customHeight="1">
      <c r="A38" s="298"/>
      <c r="B38" s="302"/>
      <c r="C38" s="303"/>
      <c r="D38" s="303"/>
      <c r="E38" s="304"/>
      <c r="F38" s="302"/>
      <c r="G38" s="303"/>
      <c r="H38" s="303"/>
      <c r="I38" s="304"/>
      <c r="J38" s="315"/>
      <c r="K38" s="316"/>
      <c r="L38" s="316"/>
      <c r="M38" s="316"/>
      <c r="N38" s="316"/>
      <c r="O38" s="316"/>
      <c r="P38" s="316"/>
      <c r="Q38" s="318"/>
      <c r="R38" s="315"/>
      <c r="S38" s="316"/>
      <c r="T38" s="316"/>
      <c r="U38" s="316"/>
      <c r="V38" s="316"/>
      <c r="W38" s="316"/>
      <c r="X38" s="316"/>
      <c r="Y38" s="325"/>
      <c r="Z38" s="328"/>
      <c r="AA38" s="309"/>
      <c r="AB38" s="329"/>
      <c r="AC38" s="331"/>
      <c r="AD38" s="309"/>
      <c r="AE38" s="329"/>
      <c r="AF38" s="331"/>
      <c r="AG38" s="309"/>
      <c r="AH38" s="329"/>
      <c r="AI38" s="331"/>
      <c r="AJ38" s="309"/>
      <c r="AK38" s="329"/>
      <c r="AL38" s="335"/>
      <c r="AM38" s="336"/>
      <c r="AN38" s="337"/>
      <c r="AO38" s="343"/>
      <c r="AP38" s="336"/>
      <c r="AQ38" s="336"/>
      <c r="AR38" s="337"/>
      <c r="AS38" s="642"/>
      <c r="AT38" s="379"/>
      <c r="AU38" s="379"/>
      <c r="AV38" s="379"/>
      <c r="AW38" s="379"/>
      <c r="AX38" s="644"/>
      <c r="AY38" s="646"/>
      <c r="AZ38" s="639"/>
      <c r="BA38" s="639"/>
      <c r="BB38" s="639"/>
      <c r="BC38" s="639"/>
      <c r="BD38" s="635"/>
      <c r="BE38" s="635"/>
      <c r="BF38" s="636"/>
      <c r="BG38" s="637"/>
      <c r="BH38" s="28"/>
      <c r="BI38" s="29"/>
      <c r="BJ38" s="29"/>
      <c r="BK38" s="29"/>
      <c r="BL38" s="30"/>
      <c r="BM38" s="28"/>
      <c r="BN38" s="29"/>
      <c r="BO38" s="29"/>
      <c r="BP38" s="29"/>
      <c r="BQ38" s="30"/>
      <c r="BR38" s="178"/>
      <c r="BS38" s="103"/>
      <c r="BT38" s="29"/>
      <c r="BU38" s="178"/>
      <c r="BV38" s="30"/>
      <c r="BW38" s="181"/>
      <c r="BX38" s="34"/>
      <c r="BY38" s="40"/>
      <c r="BZ38" s="40"/>
    </row>
    <row r="39" spans="1:78" ht="11.25" customHeight="1">
      <c r="A39" s="298">
        <v>14</v>
      </c>
      <c r="B39" s="299"/>
      <c r="C39" s="300"/>
      <c r="D39" s="300"/>
      <c r="E39" s="301"/>
      <c r="F39" s="299"/>
      <c r="G39" s="300"/>
      <c r="H39" s="300"/>
      <c r="I39" s="301"/>
      <c r="J39" s="313"/>
      <c r="K39" s="314"/>
      <c r="L39" s="314"/>
      <c r="M39" s="314" t="s">
        <v>32</v>
      </c>
      <c r="N39" s="314"/>
      <c r="O39" s="314"/>
      <c r="P39" s="314"/>
      <c r="Q39" s="317"/>
      <c r="R39" s="313"/>
      <c r="S39" s="314"/>
      <c r="T39" s="314"/>
      <c r="U39" s="314" t="s">
        <v>32</v>
      </c>
      <c r="V39" s="314"/>
      <c r="W39" s="314"/>
      <c r="X39" s="314"/>
      <c r="Y39" s="324"/>
      <c r="Z39" s="326"/>
      <c r="AA39" s="306"/>
      <c r="AB39" s="327"/>
      <c r="AC39" s="330"/>
      <c r="AD39" s="306"/>
      <c r="AE39" s="327"/>
      <c r="AF39" s="330"/>
      <c r="AG39" s="306"/>
      <c r="AH39" s="327"/>
      <c r="AI39" s="330"/>
      <c r="AJ39" s="306"/>
      <c r="AK39" s="327"/>
      <c r="AL39" s="332"/>
      <c r="AM39" s="333"/>
      <c r="AN39" s="334"/>
      <c r="AO39" s="342"/>
      <c r="AP39" s="333"/>
      <c r="AQ39" s="333"/>
      <c r="AR39" s="334"/>
      <c r="AS39" s="640"/>
      <c r="AT39" s="641"/>
      <c r="AU39" s="641"/>
      <c r="AV39" s="641"/>
      <c r="AW39" s="641"/>
      <c r="AX39" s="643"/>
      <c r="AY39" s="645" t="s">
        <v>77</v>
      </c>
      <c r="AZ39" s="638"/>
      <c r="BA39" s="638"/>
      <c r="BB39" s="638" t="s">
        <v>110</v>
      </c>
      <c r="BC39" s="638"/>
      <c r="BD39" s="632"/>
      <c r="BE39" s="632" t="s">
        <v>114</v>
      </c>
      <c r="BF39" s="633"/>
      <c r="BG39" s="634"/>
      <c r="BH39" s="23"/>
      <c r="BI39" s="24"/>
      <c r="BJ39" s="24"/>
      <c r="BK39" s="24"/>
      <c r="BL39" s="25"/>
      <c r="BM39" s="23"/>
      <c r="BN39" s="24"/>
      <c r="BO39" s="24"/>
      <c r="BP39" s="24"/>
      <c r="BQ39" s="25"/>
      <c r="BR39" s="177"/>
      <c r="BS39" s="101"/>
      <c r="BT39" s="24"/>
      <c r="BU39" s="177"/>
      <c r="BV39" s="25"/>
      <c r="BW39" s="181"/>
      <c r="BX39" s="34"/>
      <c r="BY39" s="40"/>
      <c r="BZ39" s="40"/>
    </row>
    <row r="40" spans="1:78" ht="11.25" customHeight="1">
      <c r="A40" s="298"/>
      <c r="B40" s="302"/>
      <c r="C40" s="303"/>
      <c r="D40" s="303"/>
      <c r="E40" s="304"/>
      <c r="F40" s="302"/>
      <c r="G40" s="303"/>
      <c r="H40" s="303"/>
      <c r="I40" s="304"/>
      <c r="J40" s="315"/>
      <c r="K40" s="316"/>
      <c r="L40" s="316"/>
      <c r="M40" s="316"/>
      <c r="N40" s="316"/>
      <c r="O40" s="316"/>
      <c r="P40" s="316"/>
      <c r="Q40" s="318"/>
      <c r="R40" s="315"/>
      <c r="S40" s="316"/>
      <c r="T40" s="316"/>
      <c r="U40" s="316"/>
      <c r="V40" s="316"/>
      <c r="W40" s="316"/>
      <c r="X40" s="316"/>
      <c r="Y40" s="325"/>
      <c r="Z40" s="328"/>
      <c r="AA40" s="309"/>
      <c r="AB40" s="329"/>
      <c r="AC40" s="331"/>
      <c r="AD40" s="309"/>
      <c r="AE40" s="329"/>
      <c r="AF40" s="331"/>
      <c r="AG40" s="309"/>
      <c r="AH40" s="329"/>
      <c r="AI40" s="331"/>
      <c r="AJ40" s="309"/>
      <c r="AK40" s="329"/>
      <c r="AL40" s="335"/>
      <c r="AM40" s="336"/>
      <c r="AN40" s="337"/>
      <c r="AO40" s="343"/>
      <c r="AP40" s="336"/>
      <c r="AQ40" s="336"/>
      <c r="AR40" s="337"/>
      <c r="AS40" s="642"/>
      <c r="AT40" s="379"/>
      <c r="AU40" s="379"/>
      <c r="AV40" s="379"/>
      <c r="AW40" s="379"/>
      <c r="AX40" s="644"/>
      <c r="AY40" s="646"/>
      <c r="AZ40" s="639"/>
      <c r="BA40" s="639"/>
      <c r="BB40" s="639"/>
      <c r="BC40" s="639"/>
      <c r="BD40" s="635"/>
      <c r="BE40" s="635"/>
      <c r="BF40" s="636"/>
      <c r="BG40" s="637"/>
      <c r="BH40" s="28"/>
      <c r="BI40" s="29"/>
      <c r="BJ40" s="29"/>
      <c r="BK40" s="29"/>
      <c r="BL40" s="30"/>
      <c r="BM40" s="28"/>
      <c r="BN40" s="29"/>
      <c r="BO40" s="29"/>
      <c r="BP40" s="29"/>
      <c r="BQ40" s="30"/>
      <c r="BR40" s="178"/>
      <c r="BS40" s="103"/>
      <c r="BT40" s="29"/>
      <c r="BU40" s="178"/>
      <c r="BV40" s="30"/>
      <c r="BW40" s="181"/>
      <c r="BX40" s="34"/>
      <c r="BY40" s="40"/>
      <c r="BZ40" s="40"/>
    </row>
    <row r="41" spans="1:78" ht="11.25" customHeight="1">
      <c r="A41" s="298">
        <v>15</v>
      </c>
      <c r="B41" s="299"/>
      <c r="C41" s="300"/>
      <c r="D41" s="300"/>
      <c r="E41" s="301"/>
      <c r="F41" s="299"/>
      <c r="G41" s="300"/>
      <c r="H41" s="300"/>
      <c r="I41" s="301"/>
      <c r="J41" s="313"/>
      <c r="K41" s="314"/>
      <c r="L41" s="314"/>
      <c r="M41" s="314" t="s">
        <v>32</v>
      </c>
      <c r="N41" s="314"/>
      <c r="O41" s="314"/>
      <c r="P41" s="314"/>
      <c r="Q41" s="317"/>
      <c r="R41" s="313"/>
      <c r="S41" s="314"/>
      <c r="T41" s="314"/>
      <c r="U41" s="314" t="s">
        <v>32</v>
      </c>
      <c r="V41" s="314"/>
      <c r="W41" s="314"/>
      <c r="X41" s="314"/>
      <c r="Y41" s="324"/>
      <c r="Z41" s="326"/>
      <c r="AA41" s="306"/>
      <c r="AB41" s="327"/>
      <c r="AC41" s="330"/>
      <c r="AD41" s="306"/>
      <c r="AE41" s="327"/>
      <c r="AF41" s="330"/>
      <c r="AG41" s="306"/>
      <c r="AH41" s="327"/>
      <c r="AI41" s="330"/>
      <c r="AJ41" s="306"/>
      <c r="AK41" s="327"/>
      <c r="AL41" s="332"/>
      <c r="AM41" s="333"/>
      <c r="AN41" s="334"/>
      <c r="AO41" s="342"/>
      <c r="AP41" s="333"/>
      <c r="AQ41" s="333"/>
      <c r="AR41" s="334"/>
      <c r="AS41" s="640"/>
      <c r="AT41" s="641"/>
      <c r="AU41" s="641"/>
      <c r="AV41" s="641"/>
      <c r="AW41" s="641"/>
      <c r="AX41" s="643"/>
      <c r="AY41" s="645" t="s">
        <v>77</v>
      </c>
      <c r="AZ41" s="638"/>
      <c r="BA41" s="638"/>
      <c r="BB41" s="638" t="s">
        <v>110</v>
      </c>
      <c r="BC41" s="638"/>
      <c r="BD41" s="632"/>
      <c r="BE41" s="632" t="s">
        <v>114</v>
      </c>
      <c r="BF41" s="633"/>
      <c r="BG41" s="634"/>
      <c r="BH41" s="23"/>
      <c r="BI41" s="24"/>
      <c r="BJ41" s="24"/>
      <c r="BK41" s="24"/>
      <c r="BL41" s="25"/>
      <c r="BM41" s="23"/>
      <c r="BN41" s="24"/>
      <c r="BO41" s="24"/>
      <c r="BP41" s="24"/>
      <c r="BQ41" s="25"/>
      <c r="BR41" s="177"/>
      <c r="BS41" s="101"/>
      <c r="BT41" s="24"/>
      <c r="BU41" s="177"/>
      <c r="BV41" s="25"/>
      <c r="BW41" s="181"/>
      <c r="BX41" s="34"/>
      <c r="BY41" s="40"/>
      <c r="BZ41" s="40"/>
    </row>
    <row r="42" spans="1:78" ht="11.25" customHeight="1">
      <c r="A42" s="298"/>
      <c r="B42" s="302"/>
      <c r="C42" s="303"/>
      <c r="D42" s="303"/>
      <c r="E42" s="304"/>
      <c r="F42" s="302"/>
      <c r="G42" s="303"/>
      <c r="H42" s="303"/>
      <c r="I42" s="304"/>
      <c r="J42" s="315"/>
      <c r="K42" s="316"/>
      <c r="L42" s="316"/>
      <c r="M42" s="316"/>
      <c r="N42" s="316"/>
      <c r="O42" s="316"/>
      <c r="P42" s="316"/>
      <c r="Q42" s="318"/>
      <c r="R42" s="315"/>
      <c r="S42" s="316"/>
      <c r="T42" s="316"/>
      <c r="U42" s="316"/>
      <c r="V42" s="316"/>
      <c r="W42" s="316"/>
      <c r="X42" s="316"/>
      <c r="Y42" s="325"/>
      <c r="Z42" s="328"/>
      <c r="AA42" s="309"/>
      <c r="AB42" s="329"/>
      <c r="AC42" s="331"/>
      <c r="AD42" s="309"/>
      <c r="AE42" s="329"/>
      <c r="AF42" s="331"/>
      <c r="AG42" s="309"/>
      <c r="AH42" s="329"/>
      <c r="AI42" s="331"/>
      <c r="AJ42" s="309"/>
      <c r="AK42" s="329"/>
      <c r="AL42" s="335"/>
      <c r="AM42" s="336"/>
      <c r="AN42" s="337"/>
      <c r="AO42" s="343"/>
      <c r="AP42" s="336"/>
      <c r="AQ42" s="336"/>
      <c r="AR42" s="337"/>
      <c r="AS42" s="642"/>
      <c r="AT42" s="379"/>
      <c r="AU42" s="379"/>
      <c r="AV42" s="379"/>
      <c r="AW42" s="379"/>
      <c r="AX42" s="644"/>
      <c r="AY42" s="646"/>
      <c r="AZ42" s="639"/>
      <c r="BA42" s="639"/>
      <c r="BB42" s="639"/>
      <c r="BC42" s="639"/>
      <c r="BD42" s="635"/>
      <c r="BE42" s="635"/>
      <c r="BF42" s="636"/>
      <c r="BG42" s="637"/>
      <c r="BH42" s="28"/>
      <c r="BI42" s="29"/>
      <c r="BJ42" s="29"/>
      <c r="BK42" s="29"/>
      <c r="BL42" s="30"/>
      <c r="BM42" s="28"/>
      <c r="BN42" s="29"/>
      <c r="BO42" s="29"/>
      <c r="BP42" s="29"/>
      <c r="BQ42" s="30"/>
      <c r="BR42" s="178"/>
      <c r="BS42" s="103"/>
      <c r="BT42" s="29"/>
      <c r="BU42" s="178"/>
      <c r="BV42" s="30"/>
      <c r="BW42" s="181"/>
      <c r="BX42" s="34"/>
      <c r="BY42" s="40"/>
      <c r="BZ42" s="40"/>
    </row>
    <row r="43" spans="1:78" ht="11.25" customHeight="1">
      <c r="A43" s="298">
        <v>16</v>
      </c>
      <c r="B43" s="299"/>
      <c r="C43" s="300"/>
      <c r="D43" s="300"/>
      <c r="E43" s="301"/>
      <c r="F43" s="299"/>
      <c r="G43" s="300"/>
      <c r="H43" s="300"/>
      <c r="I43" s="301"/>
      <c r="J43" s="313"/>
      <c r="K43" s="314"/>
      <c r="L43" s="314"/>
      <c r="M43" s="314" t="s">
        <v>32</v>
      </c>
      <c r="N43" s="314"/>
      <c r="O43" s="314"/>
      <c r="P43" s="314"/>
      <c r="Q43" s="317"/>
      <c r="R43" s="313"/>
      <c r="S43" s="314"/>
      <c r="T43" s="314"/>
      <c r="U43" s="314" t="s">
        <v>32</v>
      </c>
      <c r="V43" s="314"/>
      <c r="W43" s="314"/>
      <c r="X43" s="314"/>
      <c r="Y43" s="324"/>
      <c r="Z43" s="326"/>
      <c r="AA43" s="306"/>
      <c r="AB43" s="327"/>
      <c r="AC43" s="330"/>
      <c r="AD43" s="306"/>
      <c r="AE43" s="327"/>
      <c r="AF43" s="330"/>
      <c r="AG43" s="306"/>
      <c r="AH43" s="327"/>
      <c r="AI43" s="330"/>
      <c r="AJ43" s="306"/>
      <c r="AK43" s="327"/>
      <c r="AL43" s="332"/>
      <c r="AM43" s="333"/>
      <c r="AN43" s="334"/>
      <c r="AO43" s="342"/>
      <c r="AP43" s="333"/>
      <c r="AQ43" s="333"/>
      <c r="AR43" s="334"/>
      <c r="AS43" s="640"/>
      <c r="AT43" s="641"/>
      <c r="AU43" s="641"/>
      <c r="AV43" s="641"/>
      <c r="AW43" s="641"/>
      <c r="AX43" s="643"/>
      <c r="AY43" s="645" t="s">
        <v>77</v>
      </c>
      <c r="AZ43" s="638"/>
      <c r="BA43" s="638"/>
      <c r="BB43" s="638" t="s">
        <v>110</v>
      </c>
      <c r="BC43" s="638"/>
      <c r="BD43" s="632"/>
      <c r="BE43" s="632" t="s">
        <v>114</v>
      </c>
      <c r="BF43" s="633"/>
      <c r="BG43" s="634"/>
      <c r="BH43" s="23"/>
      <c r="BI43" s="24"/>
      <c r="BJ43" s="24"/>
      <c r="BK43" s="24"/>
      <c r="BL43" s="25"/>
      <c r="BM43" s="23"/>
      <c r="BN43" s="24"/>
      <c r="BO43" s="24"/>
      <c r="BP43" s="24"/>
      <c r="BQ43" s="25"/>
      <c r="BR43" s="177"/>
      <c r="BS43" s="101"/>
      <c r="BT43" s="24"/>
      <c r="BU43" s="177"/>
      <c r="BV43" s="25"/>
      <c r="BW43" s="181"/>
      <c r="BX43" s="34"/>
      <c r="BY43" s="40"/>
      <c r="BZ43" s="40"/>
    </row>
    <row r="44" spans="1:78" ht="11.25" customHeight="1">
      <c r="A44" s="298"/>
      <c r="B44" s="302"/>
      <c r="C44" s="303"/>
      <c r="D44" s="303"/>
      <c r="E44" s="304"/>
      <c r="F44" s="302"/>
      <c r="G44" s="303"/>
      <c r="H44" s="303"/>
      <c r="I44" s="304"/>
      <c r="J44" s="315"/>
      <c r="K44" s="316"/>
      <c r="L44" s="316"/>
      <c r="M44" s="316"/>
      <c r="N44" s="316"/>
      <c r="O44" s="316"/>
      <c r="P44" s="316"/>
      <c r="Q44" s="318"/>
      <c r="R44" s="315"/>
      <c r="S44" s="316"/>
      <c r="T44" s="316"/>
      <c r="U44" s="316"/>
      <c r="V44" s="316"/>
      <c r="W44" s="316"/>
      <c r="X44" s="316"/>
      <c r="Y44" s="325"/>
      <c r="Z44" s="328"/>
      <c r="AA44" s="309"/>
      <c r="AB44" s="329"/>
      <c r="AC44" s="331"/>
      <c r="AD44" s="309"/>
      <c r="AE44" s="329"/>
      <c r="AF44" s="331"/>
      <c r="AG44" s="309"/>
      <c r="AH44" s="329"/>
      <c r="AI44" s="331"/>
      <c r="AJ44" s="309"/>
      <c r="AK44" s="329"/>
      <c r="AL44" s="335"/>
      <c r="AM44" s="336"/>
      <c r="AN44" s="337"/>
      <c r="AO44" s="343"/>
      <c r="AP44" s="336"/>
      <c r="AQ44" s="336"/>
      <c r="AR44" s="337"/>
      <c r="AS44" s="642"/>
      <c r="AT44" s="379"/>
      <c r="AU44" s="379"/>
      <c r="AV44" s="379"/>
      <c r="AW44" s="379"/>
      <c r="AX44" s="644"/>
      <c r="AY44" s="646"/>
      <c r="AZ44" s="639"/>
      <c r="BA44" s="639"/>
      <c r="BB44" s="639"/>
      <c r="BC44" s="639"/>
      <c r="BD44" s="635"/>
      <c r="BE44" s="635"/>
      <c r="BF44" s="636"/>
      <c r="BG44" s="637"/>
      <c r="BH44" s="28"/>
      <c r="BI44" s="29"/>
      <c r="BJ44" s="29"/>
      <c r="BK44" s="29"/>
      <c r="BL44" s="30"/>
      <c r="BM44" s="28"/>
      <c r="BN44" s="29"/>
      <c r="BO44" s="29"/>
      <c r="BP44" s="29"/>
      <c r="BQ44" s="30"/>
      <c r="BR44" s="178"/>
      <c r="BS44" s="103"/>
      <c r="BT44" s="29"/>
      <c r="BU44" s="178"/>
      <c r="BV44" s="30"/>
      <c r="BW44" s="181"/>
      <c r="BX44" s="34"/>
      <c r="BY44" s="40"/>
      <c r="BZ44" s="40"/>
    </row>
    <row r="45" spans="1:78" ht="11.25" customHeight="1">
      <c r="A45" s="298">
        <v>17</v>
      </c>
      <c r="B45" s="299"/>
      <c r="C45" s="300"/>
      <c r="D45" s="300"/>
      <c r="E45" s="301"/>
      <c r="F45" s="299"/>
      <c r="G45" s="300"/>
      <c r="H45" s="300"/>
      <c r="I45" s="301"/>
      <c r="J45" s="313"/>
      <c r="K45" s="314"/>
      <c r="L45" s="314"/>
      <c r="M45" s="314" t="s">
        <v>32</v>
      </c>
      <c r="N45" s="314"/>
      <c r="O45" s="314"/>
      <c r="P45" s="314"/>
      <c r="Q45" s="317"/>
      <c r="R45" s="313"/>
      <c r="S45" s="314"/>
      <c r="T45" s="314"/>
      <c r="U45" s="314" t="s">
        <v>32</v>
      </c>
      <c r="V45" s="314"/>
      <c r="W45" s="314"/>
      <c r="X45" s="314"/>
      <c r="Y45" s="324"/>
      <c r="Z45" s="326"/>
      <c r="AA45" s="306"/>
      <c r="AB45" s="327"/>
      <c r="AC45" s="330"/>
      <c r="AD45" s="306"/>
      <c r="AE45" s="327"/>
      <c r="AF45" s="330"/>
      <c r="AG45" s="306"/>
      <c r="AH45" s="327"/>
      <c r="AI45" s="330"/>
      <c r="AJ45" s="306"/>
      <c r="AK45" s="327"/>
      <c r="AL45" s="332"/>
      <c r="AM45" s="333"/>
      <c r="AN45" s="334"/>
      <c r="AO45" s="342"/>
      <c r="AP45" s="333"/>
      <c r="AQ45" s="333"/>
      <c r="AR45" s="334"/>
      <c r="AS45" s="640"/>
      <c r="AT45" s="641"/>
      <c r="AU45" s="641"/>
      <c r="AV45" s="641"/>
      <c r="AW45" s="641"/>
      <c r="AX45" s="643"/>
      <c r="AY45" s="645" t="s">
        <v>77</v>
      </c>
      <c r="AZ45" s="638"/>
      <c r="BA45" s="638"/>
      <c r="BB45" s="638" t="s">
        <v>110</v>
      </c>
      <c r="BC45" s="638"/>
      <c r="BD45" s="632"/>
      <c r="BE45" s="632" t="s">
        <v>114</v>
      </c>
      <c r="BF45" s="633"/>
      <c r="BG45" s="634"/>
      <c r="BH45" s="23"/>
      <c r="BI45" s="24"/>
      <c r="BJ45" s="24"/>
      <c r="BK45" s="24"/>
      <c r="BL45" s="25"/>
      <c r="BM45" s="23"/>
      <c r="BN45" s="24"/>
      <c r="BO45" s="24"/>
      <c r="BP45" s="24"/>
      <c r="BQ45" s="25"/>
      <c r="BR45" s="177"/>
      <c r="BS45" s="101"/>
      <c r="BT45" s="24"/>
      <c r="BU45" s="177"/>
      <c r="BV45" s="25"/>
      <c r="BW45" s="181"/>
      <c r="BX45" s="34"/>
      <c r="BY45" s="40"/>
      <c r="BZ45" s="40"/>
    </row>
    <row r="46" spans="1:78" ht="11.25" customHeight="1">
      <c r="A46" s="298"/>
      <c r="B46" s="302"/>
      <c r="C46" s="303"/>
      <c r="D46" s="303"/>
      <c r="E46" s="304"/>
      <c r="F46" s="302"/>
      <c r="G46" s="303"/>
      <c r="H46" s="303"/>
      <c r="I46" s="304"/>
      <c r="J46" s="315"/>
      <c r="K46" s="316"/>
      <c r="L46" s="316"/>
      <c r="M46" s="316"/>
      <c r="N46" s="316"/>
      <c r="O46" s="316"/>
      <c r="P46" s="316"/>
      <c r="Q46" s="318"/>
      <c r="R46" s="315"/>
      <c r="S46" s="316"/>
      <c r="T46" s="316"/>
      <c r="U46" s="316"/>
      <c r="V46" s="316"/>
      <c r="W46" s="316"/>
      <c r="X46" s="316"/>
      <c r="Y46" s="325"/>
      <c r="Z46" s="328"/>
      <c r="AA46" s="309"/>
      <c r="AB46" s="329"/>
      <c r="AC46" s="331"/>
      <c r="AD46" s="309"/>
      <c r="AE46" s="329"/>
      <c r="AF46" s="331"/>
      <c r="AG46" s="309"/>
      <c r="AH46" s="329"/>
      <c r="AI46" s="331"/>
      <c r="AJ46" s="309"/>
      <c r="AK46" s="329"/>
      <c r="AL46" s="335"/>
      <c r="AM46" s="336"/>
      <c r="AN46" s="337"/>
      <c r="AO46" s="343"/>
      <c r="AP46" s="336"/>
      <c r="AQ46" s="336"/>
      <c r="AR46" s="337"/>
      <c r="AS46" s="642"/>
      <c r="AT46" s="379"/>
      <c r="AU46" s="379"/>
      <c r="AV46" s="379"/>
      <c r="AW46" s="379"/>
      <c r="AX46" s="644"/>
      <c r="AY46" s="646"/>
      <c r="AZ46" s="639"/>
      <c r="BA46" s="639"/>
      <c r="BB46" s="639"/>
      <c r="BC46" s="639"/>
      <c r="BD46" s="635"/>
      <c r="BE46" s="635"/>
      <c r="BF46" s="636"/>
      <c r="BG46" s="637"/>
      <c r="BH46" s="28"/>
      <c r="BI46" s="29"/>
      <c r="BJ46" s="29"/>
      <c r="BK46" s="29"/>
      <c r="BL46" s="30"/>
      <c r="BM46" s="28"/>
      <c r="BN46" s="29"/>
      <c r="BO46" s="29"/>
      <c r="BP46" s="29"/>
      <c r="BQ46" s="30"/>
      <c r="BR46" s="178"/>
      <c r="BS46" s="103"/>
      <c r="BT46" s="29"/>
      <c r="BU46" s="178"/>
      <c r="BV46" s="30"/>
      <c r="BW46" s="181"/>
      <c r="BX46" s="34"/>
      <c r="BY46" s="40"/>
      <c r="BZ46" s="40"/>
    </row>
    <row r="47" spans="1:78" ht="11.25" customHeight="1">
      <c r="A47" s="298">
        <v>18</v>
      </c>
      <c r="B47" s="299"/>
      <c r="C47" s="300"/>
      <c r="D47" s="300"/>
      <c r="E47" s="301"/>
      <c r="F47" s="299"/>
      <c r="G47" s="300"/>
      <c r="H47" s="300"/>
      <c r="I47" s="301"/>
      <c r="J47" s="313"/>
      <c r="K47" s="314"/>
      <c r="L47" s="314"/>
      <c r="M47" s="314" t="s">
        <v>32</v>
      </c>
      <c r="N47" s="314"/>
      <c r="O47" s="314"/>
      <c r="P47" s="314"/>
      <c r="Q47" s="317"/>
      <c r="R47" s="313"/>
      <c r="S47" s="314"/>
      <c r="T47" s="314"/>
      <c r="U47" s="314" t="s">
        <v>32</v>
      </c>
      <c r="V47" s="314"/>
      <c r="W47" s="314"/>
      <c r="X47" s="314"/>
      <c r="Y47" s="324"/>
      <c r="Z47" s="326"/>
      <c r="AA47" s="306"/>
      <c r="AB47" s="327"/>
      <c r="AC47" s="330"/>
      <c r="AD47" s="306"/>
      <c r="AE47" s="327"/>
      <c r="AF47" s="330"/>
      <c r="AG47" s="306"/>
      <c r="AH47" s="327"/>
      <c r="AI47" s="330"/>
      <c r="AJ47" s="306"/>
      <c r="AK47" s="327"/>
      <c r="AL47" s="332"/>
      <c r="AM47" s="333"/>
      <c r="AN47" s="334"/>
      <c r="AO47" s="342"/>
      <c r="AP47" s="333"/>
      <c r="AQ47" s="333"/>
      <c r="AR47" s="334"/>
      <c r="AS47" s="640"/>
      <c r="AT47" s="641"/>
      <c r="AU47" s="641"/>
      <c r="AV47" s="641"/>
      <c r="AW47" s="641"/>
      <c r="AX47" s="643"/>
      <c r="AY47" s="645" t="s">
        <v>77</v>
      </c>
      <c r="AZ47" s="638"/>
      <c r="BA47" s="638"/>
      <c r="BB47" s="638" t="s">
        <v>110</v>
      </c>
      <c r="BC47" s="638"/>
      <c r="BD47" s="632"/>
      <c r="BE47" s="632" t="s">
        <v>114</v>
      </c>
      <c r="BF47" s="633"/>
      <c r="BG47" s="634"/>
      <c r="BH47" s="23"/>
      <c r="BI47" s="24"/>
      <c r="BJ47" s="24"/>
      <c r="BK47" s="24"/>
      <c r="BL47" s="25"/>
      <c r="BM47" s="23"/>
      <c r="BN47" s="24"/>
      <c r="BO47" s="24"/>
      <c r="BP47" s="24"/>
      <c r="BQ47" s="25"/>
      <c r="BR47" s="177"/>
      <c r="BS47" s="101"/>
      <c r="BT47" s="24"/>
      <c r="BU47" s="177"/>
      <c r="BV47" s="25"/>
      <c r="BW47" s="181"/>
      <c r="BX47" s="34"/>
      <c r="BY47" s="40"/>
      <c r="BZ47" s="40"/>
    </row>
    <row r="48" spans="1:78" ht="11.25" customHeight="1">
      <c r="A48" s="298"/>
      <c r="B48" s="302"/>
      <c r="C48" s="303"/>
      <c r="D48" s="303"/>
      <c r="E48" s="304"/>
      <c r="F48" s="302"/>
      <c r="G48" s="303"/>
      <c r="H48" s="303"/>
      <c r="I48" s="304"/>
      <c r="J48" s="315"/>
      <c r="K48" s="316"/>
      <c r="L48" s="316"/>
      <c r="M48" s="316"/>
      <c r="N48" s="316"/>
      <c r="O48" s="316"/>
      <c r="P48" s="316"/>
      <c r="Q48" s="318"/>
      <c r="R48" s="315"/>
      <c r="S48" s="316"/>
      <c r="T48" s="316"/>
      <c r="U48" s="316"/>
      <c r="V48" s="316"/>
      <c r="W48" s="316"/>
      <c r="X48" s="316"/>
      <c r="Y48" s="325"/>
      <c r="Z48" s="328"/>
      <c r="AA48" s="309"/>
      <c r="AB48" s="329"/>
      <c r="AC48" s="331"/>
      <c r="AD48" s="309"/>
      <c r="AE48" s="329"/>
      <c r="AF48" s="331"/>
      <c r="AG48" s="309"/>
      <c r="AH48" s="329"/>
      <c r="AI48" s="331"/>
      <c r="AJ48" s="309"/>
      <c r="AK48" s="329"/>
      <c r="AL48" s="335"/>
      <c r="AM48" s="336"/>
      <c r="AN48" s="337"/>
      <c r="AO48" s="343"/>
      <c r="AP48" s="336"/>
      <c r="AQ48" s="336"/>
      <c r="AR48" s="337"/>
      <c r="AS48" s="642"/>
      <c r="AT48" s="379"/>
      <c r="AU48" s="379"/>
      <c r="AV48" s="379"/>
      <c r="AW48" s="379"/>
      <c r="AX48" s="644"/>
      <c r="AY48" s="646"/>
      <c r="AZ48" s="639"/>
      <c r="BA48" s="639"/>
      <c r="BB48" s="639"/>
      <c r="BC48" s="639"/>
      <c r="BD48" s="635"/>
      <c r="BE48" s="635"/>
      <c r="BF48" s="636"/>
      <c r="BG48" s="637"/>
      <c r="BH48" s="28"/>
      <c r="BI48" s="29"/>
      <c r="BJ48" s="29"/>
      <c r="BK48" s="29"/>
      <c r="BL48" s="30"/>
      <c r="BM48" s="28"/>
      <c r="BN48" s="29"/>
      <c r="BO48" s="29"/>
      <c r="BP48" s="29"/>
      <c r="BQ48" s="30"/>
      <c r="BR48" s="178"/>
      <c r="BS48" s="103"/>
      <c r="BT48" s="29"/>
      <c r="BU48" s="178"/>
      <c r="BV48" s="30"/>
      <c r="BW48" s="181"/>
      <c r="BX48" s="34"/>
      <c r="BY48" s="40"/>
      <c r="BZ48" s="40"/>
    </row>
    <row r="49" spans="1:90" ht="11.25" customHeight="1">
      <c r="A49" s="298">
        <v>19</v>
      </c>
      <c r="B49" s="299"/>
      <c r="C49" s="300"/>
      <c r="D49" s="300"/>
      <c r="E49" s="301"/>
      <c r="F49" s="299"/>
      <c r="G49" s="300"/>
      <c r="H49" s="300"/>
      <c r="I49" s="301"/>
      <c r="J49" s="313"/>
      <c r="K49" s="314"/>
      <c r="L49" s="314"/>
      <c r="M49" s="314" t="s">
        <v>32</v>
      </c>
      <c r="N49" s="314"/>
      <c r="O49" s="314"/>
      <c r="P49" s="314"/>
      <c r="Q49" s="317"/>
      <c r="R49" s="313"/>
      <c r="S49" s="314"/>
      <c r="T49" s="314"/>
      <c r="U49" s="314" t="s">
        <v>32</v>
      </c>
      <c r="V49" s="314"/>
      <c r="W49" s="314"/>
      <c r="X49" s="314"/>
      <c r="Y49" s="324"/>
      <c r="Z49" s="326"/>
      <c r="AA49" s="306"/>
      <c r="AB49" s="327"/>
      <c r="AC49" s="330"/>
      <c r="AD49" s="306"/>
      <c r="AE49" s="327"/>
      <c r="AF49" s="330"/>
      <c r="AG49" s="306"/>
      <c r="AH49" s="327"/>
      <c r="AI49" s="330"/>
      <c r="AJ49" s="306"/>
      <c r="AK49" s="327"/>
      <c r="AL49" s="332"/>
      <c r="AM49" s="333"/>
      <c r="AN49" s="334"/>
      <c r="AO49" s="342"/>
      <c r="AP49" s="333"/>
      <c r="AQ49" s="333"/>
      <c r="AR49" s="334"/>
      <c r="AS49" s="640"/>
      <c r="AT49" s="641"/>
      <c r="AU49" s="641"/>
      <c r="AV49" s="641"/>
      <c r="AW49" s="641"/>
      <c r="AX49" s="643"/>
      <c r="AY49" s="645" t="s">
        <v>77</v>
      </c>
      <c r="AZ49" s="638"/>
      <c r="BA49" s="638"/>
      <c r="BB49" s="638" t="s">
        <v>110</v>
      </c>
      <c r="BC49" s="638"/>
      <c r="BD49" s="632"/>
      <c r="BE49" s="632" t="s">
        <v>114</v>
      </c>
      <c r="BF49" s="633"/>
      <c r="BG49" s="634"/>
      <c r="BH49" s="23"/>
      <c r="BI49" s="24"/>
      <c r="BJ49" s="24"/>
      <c r="BK49" s="24"/>
      <c r="BL49" s="25"/>
      <c r="BM49" s="23"/>
      <c r="BN49" s="24"/>
      <c r="BO49" s="24"/>
      <c r="BP49" s="24"/>
      <c r="BQ49" s="25"/>
      <c r="BR49" s="177"/>
      <c r="BS49" s="101"/>
      <c r="BT49" s="24"/>
      <c r="BU49" s="177"/>
      <c r="BV49" s="25"/>
      <c r="BW49" s="181"/>
      <c r="BX49" s="34"/>
      <c r="BY49" s="40"/>
      <c r="BZ49" s="40"/>
    </row>
    <row r="50" spans="1:90" ht="11.25" customHeight="1">
      <c r="A50" s="298"/>
      <c r="B50" s="302"/>
      <c r="C50" s="303"/>
      <c r="D50" s="303"/>
      <c r="E50" s="304"/>
      <c r="F50" s="302"/>
      <c r="G50" s="303"/>
      <c r="H50" s="303"/>
      <c r="I50" s="304"/>
      <c r="J50" s="315"/>
      <c r="K50" s="316"/>
      <c r="L50" s="316"/>
      <c r="M50" s="316"/>
      <c r="N50" s="316"/>
      <c r="O50" s="316"/>
      <c r="P50" s="316"/>
      <c r="Q50" s="318"/>
      <c r="R50" s="315"/>
      <c r="S50" s="316"/>
      <c r="T50" s="316"/>
      <c r="U50" s="316"/>
      <c r="V50" s="316"/>
      <c r="W50" s="316"/>
      <c r="X50" s="316"/>
      <c r="Y50" s="325"/>
      <c r="Z50" s="328"/>
      <c r="AA50" s="309"/>
      <c r="AB50" s="329"/>
      <c r="AC50" s="331"/>
      <c r="AD50" s="309"/>
      <c r="AE50" s="329"/>
      <c r="AF50" s="331"/>
      <c r="AG50" s="309"/>
      <c r="AH50" s="329"/>
      <c r="AI50" s="331"/>
      <c r="AJ50" s="309"/>
      <c r="AK50" s="329"/>
      <c r="AL50" s="335"/>
      <c r="AM50" s="336"/>
      <c r="AN50" s="337"/>
      <c r="AO50" s="343"/>
      <c r="AP50" s="336"/>
      <c r="AQ50" s="336"/>
      <c r="AR50" s="337"/>
      <c r="AS50" s="642"/>
      <c r="AT50" s="379"/>
      <c r="AU50" s="379"/>
      <c r="AV50" s="379"/>
      <c r="AW50" s="379"/>
      <c r="AX50" s="644"/>
      <c r="AY50" s="646"/>
      <c r="AZ50" s="639"/>
      <c r="BA50" s="639"/>
      <c r="BB50" s="639"/>
      <c r="BC50" s="639"/>
      <c r="BD50" s="635"/>
      <c r="BE50" s="635"/>
      <c r="BF50" s="636"/>
      <c r="BG50" s="637"/>
      <c r="BH50" s="28"/>
      <c r="BI50" s="29"/>
      <c r="BJ50" s="29"/>
      <c r="BK50" s="29"/>
      <c r="BL50" s="30"/>
      <c r="BM50" s="28"/>
      <c r="BN50" s="29"/>
      <c r="BO50" s="29"/>
      <c r="BP50" s="29"/>
      <c r="BQ50" s="30"/>
      <c r="BR50" s="178"/>
      <c r="BS50" s="103"/>
      <c r="BT50" s="29"/>
      <c r="BU50" s="178"/>
      <c r="BV50" s="30"/>
      <c r="BW50" s="181"/>
      <c r="BX50" s="34"/>
      <c r="BY50" s="40"/>
      <c r="BZ50" s="40"/>
    </row>
    <row r="51" spans="1:90" ht="11.25" customHeight="1">
      <c r="A51" s="298">
        <v>20</v>
      </c>
      <c r="B51" s="299"/>
      <c r="C51" s="300"/>
      <c r="D51" s="300"/>
      <c r="E51" s="301"/>
      <c r="F51" s="299"/>
      <c r="G51" s="300"/>
      <c r="H51" s="300"/>
      <c r="I51" s="301"/>
      <c r="J51" s="313"/>
      <c r="K51" s="314"/>
      <c r="L51" s="314"/>
      <c r="M51" s="314" t="s">
        <v>32</v>
      </c>
      <c r="N51" s="314"/>
      <c r="O51" s="314"/>
      <c r="P51" s="314"/>
      <c r="Q51" s="317"/>
      <c r="R51" s="313"/>
      <c r="S51" s="314"/>
      <c r="T51" s="314"/>
      <c r="U51" s="314" t="s">
        <v>32</v>
      </c>
      <c r="V51" s="314"/>
      <c r="W51" s="314"/>
      <c r="X51" s="314"/>
      <c r="Y51" s="324"/>
      <c r="Z51" s="326"/>
      <c r="AA51" s="306"/>
      <c r="AB51" s="327"/>
      <c r="AC51" s="330"/>
      <c r="AD51" s="306"/>
      <c r="AE51" s="327"/>
      <c r="AF51" s="330"/>
      <c r="AG51" s="306"/>
      <c r="AH51" s="327"/>
      <c r="AI51" s="330"/>
      <c r="AJ51" s="306"/>
      <c r="AK51" s="327"/>
      <c r="AL51" s="332"/>
      <c r="AM51" s="333"/>
      <c r="AN51" s="334"/>
      <c r="AO51" s="342"/>
      <c r="AP51" s="333"/>
      <c r="AQ51" s="333"/>
      <c r="AR51" s="334"/>
      <c r="AS51" s="640"/>
      <c r="AT51" s="641"/>
      <c r="AU51" s="641"/>
      <c r="AV51" s="641"/>
      <c r="AW51" s="641"/>
      <c r="AX51" s="643"/>
      <c r="AY51" s="645" t="s">
        <v>77</v>
      </c>
      <c r="AZ51" s="638"/>
      <c r="BA51" s="638"/>
      <c r="BB51" s="638" t="s">
        <v>110</v>
      </c>
      <c r="BC51" s="638"/>
      <c r="BD51" s="632"/>
      <c r="BE51" s="632" t="s">
        <v>114</v>
      </c>
      <c r="BF51" s="633"/>
      <c r="BG51" s="634"/>
      <c r="BH51" s="23"/>
      <c r="BI51" s="24"/>
      <c r="BJ51" s="24"/>
      <c r="BK51" s="24"/>
      <c r="BL51" s="25"/>
      <c r="BM51" s="23"/>
      <c r="BN51" s="24"/>
      <c r="BO51" s="24"/>
      <c r="BP51" s="24"/>
      <c r="BQ51" s="25"/>
      <c r="BR51" s="177"/>
      <c r="BS51" s="101"/>
      <c r="BT51" s="24"/>
      <c r="BU51" s="177"/>
      <c r="BV51" s="25"/>
      <c r="BW51" s="181"/>
      <c r="BX51" s="34"/>
      <c r="BY51" s="40"/>
      <c r="BZ51" s="40"/>
    </row>
    <row r="52" spans="1:90" ht="11.25" customHeight="1">
      <c r="A52" s="298"/>
      <c r="B52" s="302"/>
      <c r="C52" s="303"/>
      <c r="D52" s="303"/>
      <c r="E52" s="304"/>
      <c r="F52" s="302"/>
      <c r="G52" s="303"/>
      <c r="H52" s="303"/>
      <c r="I52" s="304"/>
      <c r="J52" s="315"/>
      <c r="K52" s="316"/>
      <c r="L52" s="316"/>
      <c r="M52" s="316"/>
      <c r="N52" s="316"/>
      <c r="O52" s="316"/>
      <c r="P52" s="316"/>
      <c r="Q52" s="318"/>
      <c r="R52" s="315"/>
      <c r="S52" s="316"/>
      <c r="T52" s="316"/>
      <c r="U52" s="316"/>
      <c r="V52" s="316"/>
      <c r="W52" s="316"/>
      <c r="X52" s="316"/>
      <c r="Y52" s="325"/>
      <c r="Z52" s="328"/>
      <c r="AA52" s="309"/>
      <c r="AB52" s="329"/>
      <c r="AC52" s="331"/>
      <c r="AD52" s="309"/>
      <c r="AE52" s="329"/>
      <c r="AF52" s="331"/>
      <c r="AG52" s="309"/>
      <c r="AH52" s="329"/>
      <c r="AI52" s="331"/>
      <c r="AJ52" s="309"/>
      <c r="AK52" s="329"/>
      <c r="AL52" s="335"/>
      <c r="AM52" s="336"/>
      <c r="AN52" s="337"/>
      <c r="AO52" s="343"/>
      <c r="AP52" s="336"/>
      <c r="AQ52" s="336"/>
      <c r="AR52" s="337"/>
      <c r="AS52" s="642"/>
      <c r="AT52" s="379"/>
      <c r="AU52" s="379"/>
      <c r="AV52" s="379"/>
      <c r="AW52" s="379"/>
      <c r="AX52" s="644"/>
      <c r="AY52" s="646"/>
      <c r="AZ52" s="639"/>
      <c r="BA52" s="639"/>
      <c r="BB52" s="639"/>
      <c r="BC52" s="639"/>
      <c r="BD52" s="635"/>
      <c r="BE52" s="635"/>
      <c r="BF52" s="636"/>
      <c r="BG52" s="637"/>
      <c r="BH52" s="28"/>
      <c r="BI52" s="29"/>
      <c r="BJ52" s="29"/>
      <c r="BK52" s="29"/>
      <c r="BL52" s="30"/>
      <c r="BM52" s="28"/>
      <c r="BN52" s="29"/>
      <c r="BO52" s="29"/>
      <c r="BP52" s="29"/>
      <c r="BQ52" s="30"/>
      <c r="BR52" s="178"/>
      <c r="BS52" s="103"/>
      <c r="BT52" s="29"/>
      <c r="BU52" s="178"/>
      <c r="BV52" s="30"/>
      <c r="BW52" s="181"/>
      <c r="BX52" s="34"/>
      <c r="BY52" s="40"/>
      <c r="BZ52" s="40"/>
    </row>
    <row r="53" spans="1:90" ht="11.25" customHeight="1">
      <c r="A53" s="298">
        <v>21</v>
      </c>
      <c r="B53" s="299"/>
      <c r="C53" s="300"/>
      <c r="D53" s="300"/>
      <c r="E53" s="301"/>
      <c r="F53" s="299"/>
      <c r="G53" s="300"/>
      <c r="H53" s="300"/>
      <c r="I53" s="301"/>
      <c r="J53" s="313"/>
      <c r="K53" s="314"/>
      <c r="L53" s="314"/>
      <c r="M53" s="314" t="s">
        <v>32</v>
      </c>
      <c r="N53" s="314"/>
      <c r="O53" s="314"/>
      <c r="P53" s="314"/>
      <c r="Q53" s="317"/>
      <c r="R53" s="313"/>
      <c r="S53" s="314"/>
      <c r="T53" s="314"/>
      <c r="U53" s="314" t="s">
        <v>32</v>
      </c>
      <c r="V53" s="314"/>
      <c r="W53" s="314"/>
      <c r="X53" s="314"/>
      <c r="Y53" s="324"/>
      <c r="Z53" s="326"/>
      <c r="AA53" s="306"/>
      <c r="AB53" s="327"/>
      <c r="AC53" s="330"/>
      <c r="AD53" s="306"/>
      <c r="AE53" s="327"/>
      <c r="AF53" s="330"/>
      <c r="AG53" s="306"/>
      <c r="AH53" s="327"/>
      <c r="AI53" s="330"/>
      <c r="AJ53" s="306"/>
      <c r="AK53" s="327"/>
      <c r="AL53" s="332"/>
      <c r="AM53" s="333"/>
      <c r="AN53" s="334"/>
      <c r="AO53" s="342"/>
      <c r="AP53" s="333"/>
      <c r="AQ53" s="333"/>
      <c r="AR53" s="334"/>
      <c r="AS53" s="640"/>
      <c r="AT53" s="641"/>
      <c r="AU53" s="641"/>
      <c r="AV53" s="641"/>
      <c r="AW53" s="641"/>
      <c r="AX53" s="643"/>
      <c r="AY53" s="645" t="s">
        <v>77</v>
      </c>
      <c r="AZ53" s="638"/>
      <c r="BA53" s="638"/>
      <c r="BB53" s="638" t="s">
        <v>110</v>
      </c>
      <c r="BC53" s="638"/>
      <c r="BD53" s="632"/>
      <c r="BE53" s="632" t="s">
        <v>114</v>
      </c>
      <c r="BF53" s="633"/>
      <c r="BG53" s="634"/>
      <c r="BH53" s="23"/>
      <c r="BI53" s="24"/>
      <c r="BJ53" s="24"/>
      <c r="BK53" s="24"/>
      <c r="BL53" s="25"/>
      <c r="BM53" s="23"/>
      <c r="BN53" s="24"/>
      <c r="BO53" s="24"/>
      <c r="BP53" s="24"/>
      <c r="BQ53" s="25"/>
      <c r="BR53" s="177"/>
      <c r="BS53" s="101"/>
      <c r="BT53" s="24"/>
      <c r="BU53" s="177"/>
      <c r="BV53" s="25"/>
      <c r="BW53" s="181"/>
      <c r="BX53" s="34"/>
      <c r="BY53" s="40"/>
      <c r="BZ53" s="40"/>
    </row>
    <row r="54" spans="1:90" ht="11.25" customHeight="1">
      <c r="A54" s="298"/>
      <c r="B54" s="302"/>
      <c r="C54" s="303"/>
      <c r="D54" s="303"/>
      <c r="E54" s="304"/>
      <c r="F54" s="302"/>
      <c r="G54" s="303"/>
      <c r="H54" s="303"/>
      <c r="I54" s="304"/>
      <c r="J54" s="315"/>
      <c r="K54" s="316"/>
      <c r="L54" s="316"/>
      <c r="M54" s="316"/>
      <c r="N54" s="316"/>
      <c r="O54" s="316"/>
      <c r="P54" s="316"/>
      <c r="Q54" s="318"/>
      <c r="R54" s="315"/>
      <c r="S54" s="316"/>
      <c r="T54" s="316"/>
      <c r="U54" s="316"/>
      <c r="V54" s="316"/>
      <c r="W54" s="316"/>
      <c r="X54" s="316"/>
      <c r="Y54" s="325"/>
      <c r="Z54" s="328"/>
      <c r="AA54" s="309"/>
      <c r="AB54" s="329"/>
      <c r="AC54" s="331"/>
      <c r="AD54" s="309"/>
      <c r="AE54" s="329"/>
      <c r="AF54" s="331"/>
      <c r="AG54" s="309"/>
      <c r="AH54" s="329"/>
      <c r="AI54" s="331"/>
      <c r="AJ54" s="309"/>
      <c r="AK54" s="329"/>
      <c r="AL54" s="335"/>
      <c r="AM54" s="336"/>
      <c r="AN54" s="337"/>
      <c r="AO54" s="343"/>
      <c r="AP54" s="336"/>
      <c r="AQ54" s="336"/>
      <c r="AR54" s="337"/>
      <c r="AS54" s="642"/>
      <c r="AT54" s="379"/>
      <c r="AU54" s="379"/>
      <c r="AV54" s="379"/>
      <c r="AW54" s="379"/>
      <c r="AX54" s="644"/>
      <c r="AY54" s="646"/>
      <c r="AZ54" s="639"/>
      <c r="BA54" s="639"/>
      <c r="BB54" s="639"/>
      <c r="BC54" s="639"/>
      <c r="BD54" s="635"/>
      <c r="BE54" s="635"/>
      <c r="BF54" s="636"/>
      <c r="BG54" s="637"/>
      <c r="BH54" s="28"/>
      <c r="BI54" s="29"/>
      <c r="BJ54" s="29"/>
      <c r="BK54" s="29"/>
      <c r="BL54" s="30"/>
      <c r="BM54" s="28"/>
      <c r="BN54" s="29"/>
      <c r="BO54" s="29"/>
      <c r="BP54" s="29"/>
      <c r="BQ54" s="30"/>
      <c r="BR54" s="178"/>
      <c r="BS54" s="103"/>
      <c r="BT54" s="29"/>
      <c r="BU54" s="178"/>
      <c r="BV54" s="30"/>
      <c r="BW54" s="181"/>
      <c r="BX54" s="34"/>
      <c r="BY54" s="40"/>
      <c r="BZ54" s="40"/>
    </row>
    <row r="55" spans="1:90" ht="11.25" customHeight="1">
      <c r="A55" s="298">
        <v>22</v>
      </c>
      <c r="B55" s="299"/>
      <c r="C55" s="300"/>
      <c r="D55" s="300"/>
      <c r="E55" s="301"/>
      <c r="F55" s="299"/>
      <c r="G55" s="300"/>
      <c r="H55" s="300"/>
      <c r="I55" s="301"/>
      <c r="J55" s="313"/>
      <c r="K55" s="314"/>
      <c r="L55" s="314"/>
      <c r="M55" s="314" t="s">
        <v>32</v>
      </c>
      <c r="N55" s="314"/>
      <c r="O55" s="314"/>
      <c r="P55" s="314"/>
      <c r="Q55" s="317"/>
      <c r="R55" s="313"/>
      <c r="S55" s="314"/>
      <c r="T55" s="314"/>
      <c r="U55" s="314" t="s">
        <v>32</v>
      </c>
      <c r="V55" s="314"/>
      <c r="W55" s="314"/>
      <c r="X55" s="314"/>
      <c r="Y55" s="324"/>
      <c r="Z55" s="326"/>
      <c r="AA55" s="306"/>
      <c r="AB55" s="327"/>
      <c r="AC55" s="330"/>
      <c r="AD55" s="306"/>
      <c r="AE55" s="327"/>
      <c r="AF55" s="330"/>
      <c r="AG55" s="306"/>
      <c r="AH55" s="327"/>
      <c r="AI55" s="330"/>
      <c r="AJ55" s="306"/>
      <c r="AK55" s="327"/>
      <c r="AL55" s="332"/>
      <c r="AM55" s="333"/>
      <c r="AN55" s="334"/>
      <c r="AO55" s="342"/>
      <c r="AP55" s="333"/>
      <c r="AQ55" s="333"/>
      <c r="AR55" s="334"/>
      <c r="AS55" s="640"/>
      <c r="AT55" s="641"/>
      <c r="AU55" s="641"/>
      <c r="AV55" s="641"/>
      <c r="AW55" s="641"/>
      <c r="AX55" s="643"/>
      <c r="AY55" s="645" t="s">
        <v>77</v>
      </c>
      <c r="AZ55" s="638"/>
      <c r="BA55" s="638"/>
      <c r="BB55" s="638" t="s">
        <v>110</v>
      </c>
      <c r="BC55" s="638"/>
      <c r="BD55" s="632"/>
      <c r="BE55" s="632" t="s">
        <v>114</v>
      </c>
      <c r="BF55" s="633"/>
      <c r="BG55" s="634"/>
      <c r="BH55" s="23"/>
      <c r="BI55" s="24"/>
      <c r="BJ55" s="24"/>
      <c r="BK55" s="24"/>
      <c r="BL55" s="25"/>
      <c r="BM55" s="23"/>
      <c r="BN55" s="24"/>
      <c r="BO55" s="24"/>
      <c r="BP55" s="24"/>
      <c r="BQ55" s="25"/>
      <c r="BR55" s="177"/>
      <c r="BS55" s="101"/>
      <c r="BT55" s="24"/>
      <c r="BU55" s="177"/>
      <c r="BV55" s="25"/>
      <c r="BW55" s="181"/>
      <c r="BX55" s="34"/>
      <c r="BY55" s="40"/>
      <c r="BZ55" s="40"/>
    </row>
    <row r="56" spans="1:90" ht="11.25" customHeight="1">
      <c r="A56" s="298"/>
      <c r="B56" s="302"/>
      <c r="C56" s="303"/>
      <c r="D56" s="303"/>
      <c r="E56" s="304"/>
      <c r="F56" s="302"/>
      <c r="G56" s="303"/>
      <c r="H56" s="303"/>
      <c r="I56" s="304"/>
      <c r="J56" s="315"/>
      <c r="K56" s="316"/>
      <c r="L56" s="316"/>
      <c r="M56" s="316"/>
      <c r="N56" s="316"/>
      <c r="O56" s="316"/>
      <c r="P56" s="316"/>
      <c r="Q56" s="318"/>
      <c r="R56" s="315"/>
      <c r="S56" s="316"/>
      <c r="T56" s="316"/>
      <c r="U56" s="316"/>
      <c r="V56" s="316"/>
      <c r="W56" s="316"/>
      <c r="X56" s="316"/>
      <c r="Y56" s="325"/>
      <c r="Z56" s="328"/>
      <c r="AA56" s="309"/>
      <c r="AB56" s="329"/>
      <c r="AC56" s="331"/>
      <c r="AD56" s="309"/>
      <c r="AE56" s="329"/>
      <c r="AF56" s="331"/>
      <c r="AG56" s="309"/>
      <c r="AH56" s="329"/>
      <c r="AI56" s="331"/>
      <c r="AJ56" s="309"/>
      <c r="AK56" s="329"/>
      <c r="AL56" s="335"/>
      <c r="AM56" s="336"/>
      <c r="AN56" s="337"/>
      <c r="AO56" s="343"/>
      <c r="AP56" s="336"/>
      <c r="AQ56" s="336"/>
      <c r="AR56" s="337"/>
      <c r="AS56" s="642"/>
      <c r="AT56" s="379"/>
      <c r="AU56" s="379"/>
      <c r="AV56" s="379"/>
      <c r="AW56" s="379"/>
      <c r="AX56" s="644"/>
      <c r="AY56" s="646"/>
      <c r="AZ56" s="639"/>
      <c r="BA56" s="639"/>
      <c r="BB56" s="639"/>
      <c r="BC56" s="639"/>
      <c r="BD56" s="635"/>
      <c r="BE56" s="635"/>
      <c r="BF56" s="636"/>
      <c r="BG56" s="637"/>
      <c r="BH56" s="28"/>
      <c r="BI56" s="29"/>
      <c r="BJ56" s="29"/>
      <c r="BK56" s="29"/>
      <c r="BL56" s="30"/>
      <c r="BM56" s="28"/>
      <c r="BN56" s="29"/>
      <c r="BO56" s="29"/>
      <c r="BP56" s="29"/>
      <c r="BQ56" s="30"/>
      <c r="BR56" s="178"/>
      <c r="BS56" s="103"/>
      <c r="BT56" s="29"/>
      <c r="BU56" s="178"/>
      <c r="BV56" s="30"/>
      <c r="BW56" s="181"/>
      <c r="BX56" s="34"/>
      <c r="BY56" s="40"/>
      <c r="BZ56" s="40"/>
    </row>
    <row r="57" spans="1:90" ht="11.25" customHeight="1">
      <c r="A57" s="298">
        <v>23</v>
      </c>
      <c r="B57" s="299"/>
      <c r="C57" s="300"/>
      <c r="D57" s="300"/>
      <c r="E57" s="301"/>
      <c r="F57" s="299"/>
      <c r="G57" s="300"/>
      <c r="H57" s="300"/>
      <c r="I57" s="301"/>
      <c r="J57" s="313"/>
      <c r="K57" s="314"/>
      <c r="L57" s="314"/>
      <c r="M57" s="314" t="s">
        <v>32</v>
      </c>
      <c r="N57" s="314"/>
      <c r="O57" s="314"/>
      <c r="P57" s="314"/>
      <c r="Q57" s="317"/>
      <c r="R57" s="313"/>
      <c r="S57" s="314"/>
      <c r="T57" s="314"/>
      <c r="U57" s="314" t="s">
        <v>32</v>
      </c>
      <c r="V57" s="314"/>
      <c r="W57" s="314"/>
      <c r="X57" s="314"/>
      <c r="Y57" s="324"/>
      <c r="Z57" s="326"/>
      <c r="AA57" s="306"/>
      <c r="AB57" s="327"/>
      <c r="AC57" s="330"/>
      <c r="AD57" s="306"/>
      <c r="AE57" s="327"/>
      <c r="AF57" s="330"/>
      <c r="AG57" s="306"/>
      <c r="AH57" s="327"/>
      <c r="AI57" s="330"/>
      <c r="AJ57" s="306"/>
      <c r="AK57" s="327"/>
      <c r="AL57" s="332"/>
      <c r="AM57" s="333"/>
      <c r="AN57" s="334"/>
      <c r="AO57" s="342"/>
      <c r="AP57" s="333"/>
      <c r="AQ57" s="333"/>
      <c r="AR57" s="334"/>
      <c r="AS57" s="640"/>
      <c r="AT57" s="641"/>
      <c r="AU57" s="641"/>
      <c r="AV57" s="641"/>
      <c r="AW57" s="641"/>
      <c r="AX57" s="643"/>
      <c r="AY57" s="645" t="s">
        <v>77</v>
      </c>
      <c r="AZ57" s="638"/>
      <c r="BA57" s="638"/>
      <c r="BB57" s="638" t="s">
        <v>110</v>
      </c>
      <c r="BC57" s="638"/>
      <c r="BD57" s="632"/>
      <c r="BE57" s="632" t="s">
        <v>114</v>
      </c>
      <c r="BF57" s="633"/>
      <c r="BG57" s="634"/>
      <c r="BH57" s="23"/>
      <c r="BI57" s="24"/>
      <c r="BJ57" s="24"/>
      <c r="BK57" s="24"/>
      <c r="BL57" s="25"/>
      <c r="BM57" s="23"/>
      <c r="BN57" s="24"/>
      <c r="BO57" s="24"/>
      <c r="BP57" s="24"/>
      <c r="BQ57" s="25"/>
      <c r="BR57" s="177"/>
      <c r="BS57" s="101"/>
      <c r="BT57" s="24"/>
      <c r="BU57" s="177"/>
      <c r="BV57" s="25"/>
      <c r="BW57" s="181"/>
      <c r="BX57" s="34"/>
      <c r="BY57" s="40"/>
      <c r="BZ57" s="40"/>
    </row>
    <row r="58" spans="1:90" ht="11.25" customHeight="1">
      <c r="A58" s="298"/>
      <c r="B58" s="302"/>
      <c r="C58" s="303"/>
      <c r="D58" s="303"/>
      <c r="E58" s="304"/>
      <c r="F58" s="302"/>
      <c r="G58" s="303"/>
      <c r="H58" s="303"/>
      <c r="I58" s="304"/>
      <c r="J58" s="315"/>
      <c r="K58" s="316"/>
      <c r="L58" s="316"/>
      <c r="M58" s="316"/>
      <c r="N58" s="316"/>
      <c r="O58" s="316"/>
      <c r="P58" s="316"/>
      <c r="Q58" s="318"/>
      <c r="R58" s="315"/>
      <c r="S58" s="316"/>
      <c r="T58" s="316"/>
      <c r="U58" s="316"/>
      <c r="V58" s="316"/>
      <c r="W58" s="316"/>
      <c r="X58" s="316"/>
      <c r="Y58" s="325"/>
      <c r="Z58" s="328"/>
      <c r="AA58" s="309"/>
      <c r="AB58" s="329"/>
      <c r="AC58" s="331"/>
      <c r="AD58" s="309"/>
      <c r="AE58" s="329"/>
      <c r="AF58" s="331"/>
      <c r="AG58" s="309"/>
      <c r="AH58" s="329"/>
      <c r="AI58" s="331"/>
      <c r="AJ58" s="309"/>
      <c r="AK58" s="329"/>
      <c r="AL58" s="335"/>
      <c r="AM58" s="336"/>
      <c r="AN58" s="337"/>
      <c r="AO58" s="343"/>
      <c r="AP58" s="336"/>
      <c r="AQ58" s="336"/>
      <c r="AR58" s="337"/>
      <c r="AS58" s="642"/>
      <c r="AT58" s="379"/>
      <c r="AU58" s="379"/>
      <c r="AV58" s="379"/>
      <c r="AW58" s="379"/>
      <c r="AX58" s="644"/>
      <c r="AY58" s="646"/>
      <c r="AZ58" s="639"/>
      <c r="BA58" s="639"/>
      <c r="BB58" s="639"/>
      <c r="BC58" s="639"/>
      <c r="BD58" s="635"/>
      <c r="BE58" s="635"/>
      <c r="BF58" s="636"/>
      <c r="BG58" s="637"/>
      <c r="BH58" s="28"/>
      <c r="BI58" s="29"/>
      <c r="BJ58" s="29"/>
      <c r="BK58" s="29"/>
      <c r="BL58" s="30"/>
      <c r="BM58" s="28"/>
      <c r="BN58" s="29"/>
      <c r="BO58" s="29"/>
      <c r="BP58" s="29"/>
      <c r="BQ58" s="30"/>
      <c r="BR58" s="178"/>
      <c r="BS58" s="103"/>
      <c r="BT58" s="29"/>
      <c r="BU58" s="178"/>
      <c r="BV58" s="30"/>
      <c r="BW58" s="181"/>
      <c r="BX58" s="34"/>
      <c r="BY58" s="40"/>
      <c r="BZ58" s="40"/>
    </row>
    <row r="59" spans="1:90" ht="11.25" customHeight="1">
      <c r="A59" s="298">
        <v>24</v>
      </c>
      <c r="B59" s="299"/>
      <c r="C59" s="300"/>
      <c r="D59" s="300"/>
      <c r="E59" s="301"/>
      <c r="F59" s="299"/>
      <c r="G59" s="300"/>
      <c r="H59" s="300"/>
      <c r="I59" s="301"/>
      <c r="J59" s="313"/>
      <c r="K59" s="314"/>
      <c r="L59" s="314"/>
      <c r="M59" s="314" t="s">
        <v>32</v>
      </c>
      <c r="N59" s="314"/>
      <c r="O59" s="314"/>
      <c r="P59" s="314"/>
      <c r="Q59" s="317"/>
      <c r="R59" s="313"/>
      <c r="S59" s="314"/>
      <c r="T59" s="314"/>
      <c r="U59" s="314" t="s">
        <v>32</v>
      </c>
      <c r="V59" s="314"/>
      <c r="W59" s="314"/>
      <c r="X59" s="314"/>
      <c r="Y59" s="324"/>
      <c r="Z59" s="326"/>
      <c r="AA59" s="306"/>
      <c r="AB59" s="327"/>
      <c r="AC59" s="330"/>
      <c r="AD59" s="306"/>
      <c r="AE59" s="327"/>
      <c r="AF59" s="330"/>
      <c r="AG59" s="306"/>
      <c r="AH59" s="327"/>
      <c r="AI59" s="330"/>
      <c r="AJ59" s="306"/>
      <c r="AK59" s="327"/>
      <c r="AL59" s="332"/>
      <c r="AM59" s="333"/>
      <c r="AN59" s="334"/>
      <c r="AO59" s="342"/>
      <c r="AP59" s="333"/>
      <c r="AQ59" s="333"/>
      <c r="AR59" s="334"/>
      <c r="AS59" s="640"/>
      <c r="AT59" s="641"/>
      <c r="AU59" s="641"/>
      <c r="AV59" s="641"/>
      <c r="AW59" s="641"/>
      <c r="AX59" s="643"/>
      <c r="AY59" s="645" t="s">
        <v>77</v>
      </c>
      <c r="AZ59" s="638"/>
      <c r="BA59" s="638"/>
      <c r="BB59" s="638" t="s">
        <v>110</v>
      </c>
      <c r="BC59" s="638"/>
      <c r="BD59" s="632"/>
      <c r="BE59" s="632" t="s">
        <v>114</v>
      </c>
      <c r="BF59" s="633"/>
      <c r="BG59" s="634"/>
      <c r="BH59" s="23"/>
      <c r="BI59" s="24"/>
      <c r="BJ59" s="24"/>
      <c r="BK59" s="24"/>
      <c r="BL59" s="25"/>
      <c r="BM59" s="23"/>
      <c r="BN59" s="24"/>
      <c r="BO59" s="24"/>
      <c r="BP59" s="24"/>
      <c r="BQ59" s="25"/>
      <c r="BR59" s="177"/>
      <c r="BS59" s="101"/>
      <c r="BT59" s="24"/>
      <c r="BU59" s="177"/>
      <c r="BV59" s="25"/>
      <c r="BW59" s="181"/>
      <c r="BX59" s="34"/>
      <c r="BY59" s="40"/>
      <c r="BZ59" s="40"/>
    </row>
    <row r="60" spans="1:90" ht="11.25" customHeight="1">
      <c r="A60" s="298"/>
      <c r="B60" s="302"/>
      <c r="C60" s="303"/>
      <c r="D60" s="303"/>
      <c r="E60" s="304"/>
      <c r="F60" s="302"/>
      <c r="G60" s="303"/>
      <c r="H60" s="303"/>
      <c r="I60" s="304"/>
      <c r="J60" s="315"/>
      <c r="K60" s="316"/>
      <c r="L60" s="316"/>
      <c r="M60" s="316"/>
      <c r="N60" s="316"/>
      <c r="O60" s="316"/>
      <c r="P60" s="316"/>
      <c r="Q60" s="318"/>
      <c r="R60" s="315"/>
      <c r="S60" s="316"/>
      <c r="T60" s="316"/>
      <c r="U60" s="316"/>
      <c r="V60" s="316"/>
      <c r="W60" s="316"/>
      <c r="X60" s="316"/>
      <c r="Y60" s="325"/>
      <c r="Z60" s="328"/>
      <c r="AA60" s="309"/>
      <c r="AB60" s="329"/>
      <c r="AC60" s="331"/>
      <c r="AD60" s="309"/>
      <c r="AE60" s="329"/>
      <c r="AF60" s="331"/>
      <c r="AG60" s="309"/>
      <c r="AH60" s="329"/>
      <c r="AI60" s="331"/>
      <c r="AJ60" s="309"/>
      <c r="AK60" s="329"/>
      <c r="AL60" s="335"/>
      <c r="AM60" s="336"/>
      <c r="AN60" s="337"/>
      <c r="AO60" s="343"/>
      <c r="AP60" s="336"/>
      <c r="AQ60" s="336"/>
      <c r="AR60" s="337"/>
      <c r="AS60" s="642"/>
      <c r="AT60" s="379"/>
      <c r="AU60" s="379"/>
      <c r="AV60" s="379"/>
      <c r="AW60" s="379"/>
      <c r="AX60" s="644"/>
      <c r="AY60" s="646"/>
      <c r="AZ60" s="639"/>
      <c r="BA60" s="639"/>
      <c r="BB60" s="639"/>
      <c r="BC60" s="639"/>
      <c r="BD60" s="635"/>
      <c r="BE60" s="635"/>
      <c r="BF60" s="636"/>
      <c r="BG60" s="637"/>
      <c r="BH60" s="28"/>
      <c r="BI60" s="29"/>
      <c r="BJ60" s="29"/>
      <c r="BK60" s="29"/>
      <c r="BL60" s="30"/>
      <c r="BM60" s="28"/>
      <c r="BN60" s="29"/>
      <c r="BO60" s="29"/>
      <c r="BP60" s="29"/>
      <c r="BQ60" s="30"/>
      <c r="BR60" s="178"/>
      <c r="BS60" s="103"/>
      <c r="BT60" s="29"/>
      <c r="BU60" s="178"/>
      <c r="BV60" s="30"/>
      <c r="BW60" s="181"/>
      <c r="BX60" s="34"/>
      <c r="BY60" s="40"/>
      <c r="BZ60" s="40"/>
    </row>
    <row r="61" spans="1:90" ht="11.25" customHeight="1">
      <c r="A61" s="298">
        <v>25</v>
      </c>
      <c r="B61" s="299"/>
      <c r="C61" s="300"/>
      <c r="D61" s="300"/>
      <c r="E61" s="301"/>
      <c r="F61" s="299"/>
      <c r="G61" s="300"/>
      <c r="H61" s="300"/>
      <c r="I61" s="301"/>
      <c r="J61" s="313"/>
      <c r="K61" s="314"/>
      <c r="L61" s="314"/>
      <c r="M61" s="314" t="s">
        <v>32</v>
      </c>
      <c r="N61" s="314"/>
      <c r="O61" s="314"/>
      <c r="P61" s="314"/>
      <c r="Q61" s="317"/>
      <c r="R61" s="313"/>
      <c r="S61" s="314"/>
      <c r="T61" s="314"/>
      <c r="U61" s="314" t="s">
        <v>32</v>
      </c>
      <c r="V61" s="314"/>
      <c r="W61" s="314"/>
      <c r="X61" s="314"/>
      <c r="Y61" s="324"/>
      <c r="Z61" s="326"/>
      <c r="AA61" s="306"/>
      <c r="AB61" s="327"/>
      <c r="AC61" s="330"/>
      <c r="AD61" s="306"/>
      <c r="AE61" s="327"/>
      <c r="AF61" s="330"/>
      <c r="AG61" s="306"/>
      <c r="AH61" s="327"/>
      <c r="AI61" s="330"/>
      <c r="AJ61" s="306"/>
      <c r="AK61" s="327"/>
      <c r="AL61" s="332"/>
      <c r="AM61" s="333"/>
      <c r="AN61" s="334"/>
      <c r="AO61" s="342"/>
      <c r="AP61" s="333"/>
      <c r="AQ61" s="333"/>
      <c r="AR61" s="334"/>
      <c r="AS61" s="640"/>
      <c r="AT61" s="641"/>
      <c r="AU61" s="641"/>
      <c r="AV61" s="641"/>
      <c r="AW61" s="641"/>
      <c r="AX61" s="643"/>
      <c r="AY61" s="645" t="s">
        <v>77</v>
      </c>
      <c r="AZ61" s="638"/>
      <c r="BA61" s="638"/>
      <c r="BB61" s="638" t="s">
        <v>110</v>
      </c>
      <c r="BC61" s="638"/>
      <c r="BD61" s="632"/>
      <c r="BE61" s="632" t="s">
        <v>114</v>
      </c>
      <c r="BF61" s="633"/>
      <c r="BG61" s="634"/>
      <c r="BH61" s="23"/>
      <c r="BI61" s="24"/>
      <c r="BJ61" s="24"/>
      <c r="BK61" s="24"/>
      <c r="BL61" s="25"/>
      <c r="BM61" s="23"/>
      <c r="BN61" s="24"/>
      <c r="BO61" s="24"/>
      <c r="BP61" s="24"/>
      <c r="BQ61" s="25"/>
      <c r="BR61" s="177"/>
      <c r="BS61" s="101"/>
      <c r="BT61" s="24"/>
      <c r="BU61" s="177"/>
      <c r="BV61" s="25"/>
      <c r="BW61" s="181"/>
      <c r="BX61" s="34"/>
      <c r="BY61" s="40"/>
      <c r="BZ61" s="40"/>
      <c r="CA61" s="40"/>
      <c r="CB61" s="40"/>
      <c r="CC61" s="40"/>
      <c r="CD61" s="40"/>
      <c r="CE61" s="40"/>
      <c r="CF61" s="40"/>
      <c r="CG61" s="40"/>
      <c r="CH61" s="40"/>
      <c r="CI61" s="40"/>
      <c r="CJ61" s="40"/>
      <c r="CK61" s="40"/>
      <c r="CL61" s="40"/>
    </row>
    <row r="62" spans="1:90" ht="11.25" customHeight="1" thickBot="1">
      <c r="A62" s="298"/>
      <c r="B62" s="345"/>
      <c r="C62" s="346"/>
      <c r="D62" s="346"/>
      <c r="E62" s="347"/>
      <c r="F62" s="345"/>
      <c r="G62" s="346"/>
      <c r="H62" s="346"/>
      <c r="I62" s="347"/>
      <c r="J62" s="351"/>
      <c r="K62" s="352"/>
      <c r="L62" s="352"/>
      <c r="M62" s="352"/>
      <c r="N62" s="352"/>
      <c r="O62" s="352"/>
      <c r="P62" s="352"/>
      <c r="Q62" s="388"/>
      <c r="R62" s="351"/>
      <c r="S62" s="352"/>
      <c r="T62" s="352"/>
      <c r="U62" s="352"/>
      <c r="V62" s="352"/>
      <c r="W62" s="352"/>
      <c r="X62" s="352"/>
      <c r="Y62" s="389"/>
      <c r="Z62" s="390"/>
      <c r="AA62" s="349"/>
      <c r="AB62" s="382"/>
      <c r="AC62" s="381"/>
      <c r="AD62" s="349"/>
      <c r="AE62" s="382"/>
      <c r="AF62" s="381"/>
      <c r="AG62" s="349"/>
      <c r="AH62" s="382"/>
      <c r="AI62" s="381"/>
      <c r="AJ62" s="349"/>
      <c r="AK62" s="382"/>
      <c r="AL62" s="383"/>
      <c r="AM62" s="384"/>
      <c r="AN62" s="385"/>
      <c r="AO62" s="594"/>
      <c r="AP62" s="384"/>
      <c r="AQ62" s="384"/>
      <c r="AR62" s="385"/>
      <c r="AS62" s="651"/>
      <c r="AT62" s="652"/>
      <c r="AU62" s="652"/>
      <c r="AV62" s="652"/>
      <c r="AW62" s="652"/>
      <c r="AX62" s="653"/>
      <c r="AY62" s="654"/>
      <c r="AZ62" s="647"/>
      <c r="BA62" s="647"/>
      <c r="BB62" s="647"/>
      <c r="BC62" s="647"/>
      <c r="BD62" s="648"/>
      <c r="BE62" s="648"/>
      <c r="BF62" s="649"/>
      <c r="BG62" s="650"/>
      <c r="BH62" s="66"/>
      <c r="BI62" s="36"/>
      <c r="BJ62" s="36"/>
      <c r="BK62" s="36"/>
      <c r="BL62" s="37"/>
      <c r="BM62" s="66"/>
      <c r="BN62" s="36"/>
      <c r="BO62" s="36"/>
      <c r="BP62" s="36"/>
      <c r="BQ62" s="37"/>
      <c r="BR62" s="67"/>
      <c r="BS62" s="184"/>
      <c r="BT62" s="36"/>
      <c r="BU62" s="67"/>
      <c r="BV62" s="37"/>
      <c r="BW62" s="181"/>
      <c r="BX62" s="34"/>
      <c r="BY62" s="40"/>
      <c r="BZ62" s="40"/>
      <c r="CA62" s="40"/>
      <c r="CB62" s="181"/>
      <c r="CC62" s="185"/>
      <c r="CD62" s="185"/>
      <c r="CE62" s="185"/>
      <c r="CF62" s="34"/>
      <c r="CG62" s="34"/>
      <c r="CH62" s="181"/>
      <c r="CI62" s="34"/>
      <c r="CJ62" s="40"/>
      <c r="CK62" s="40"/>
      <c r="CL62" s="40"/>
    </row>
    <row r="63" spans="1:90" s="5" customFormat="1" ht="11.25" customHeight="1" thickTop="1">
      <c r="A63" s="181"/>
      <c r="B63" s="359" t="s">
        <v>33</v>
      </c>
      <c r="C63" s="360"/>
      <c r="D63" s="360"/>
      <c r="E63" s="360"/>
      <c r="F63" s="360"/>
      <c r="G63" s="360"/>
      <c r="H63" s="360"/>
      <c r="I63" s="360"/>
      <c r="J63" s="360"/>
      <c r="K63" s="360"/>
      <c r="L63" s="360"/>
      <c r="M63" s="360"/>
      <c r="N63" s="360"/>
      <c r="O63" s="360"/>
      <c r="P63" s="360"/>
      <c r="Q63" s="360"/>
      <c r="R63" s="360"/>
      <c r="S63" s="365"/>
      <c r="T63" s="662" t="s">
        <v>116</v>
      </c>
      <c r="U63" s="663"/>
      <c r="V63" s="663"/>
      <c r="W63" s="663"/>
      <c r="X63" s="663"/>
      <c r="Y63" s="664"/>
      <c r="Z63" s="665" t="s">
        <v>35</v>
      </c>
      <c r="AA63" s="223"/>
      <c r="AB63" s="223"/>
      <c r="AC63" s="223"/>
      <c r="AD63" s="223"/>
      <c r="AE63" s="223"/>
      <c r="AF63" s="223"/>
      <c r="AG63" s="223"/>
      <c r="AH63" s="223"/>
      <c r="AI63" s="223"/>
      <c r="AJ63" s="223"/>
      <c r="AK63" s="223"/>
      <c r="AL63" s="223"/>
      <c r="AM63" s="223"/>
      <c r="AN63" s="666"/>
      <c r="AO63" s="667" t="s">
        <v>36</v>
      </c>
      <c r="AP63" s="668"/>
      <c r="AQ63" s="668"/>
      <c r="AR63" s="669"/>
      <c r="AS63" s="72"/>
      <c r="AT63" s="69"/>
      <c r="AU63" s="69"/>
      <c r="AV63" s="73"/>
      <c r="AW63" s="69"/>
      <c r="AX63" s="71"/>
      <c r="AY63" s="7"/>
      <c r="AZ63" s="68"/>
      <c r="BA63" s="68"/>
      <c r="BB63" s="68"/>
      <c r="BC63" s="69"/>
      <c r="BD63" s="69"/>
      <c r="BE63" s="69"/>
      <c r="BF63" s="70"/>
      <c r="BG63" s="69"/>
      <c r="BH63" s="655" t="s">
        <v>95</v>
      </c>
      <c r="BI63" s="656"/>
      <c r="BJ63" s="656"/>
      <c r="BK63" s="656"/>
      <c r="BL63" s="656"/>
      <c r="BM63" s="656"/>
      <c r="BN63" s="656"/>
      <c r="BO63" s="656"/>
      <c r="BP63" s="656"/>
      <c r="BQ63" s="656"/>
      <c r="BR63" s="656"/>
      <c r="BS63" s="656"/>
      <c r="BT63" s="656"/>
      <c r="BU63" s="656"/>
      <c r="BV63" s="657"/>
      <c r="CA63" s="14"/>
      <c r="CB63" s="16"/>
      <c r="CC63" s="16"/>
      <c r="CD63" s="14"/>
      <c r="CE63" s="14"/>
      <c r="CF63" s="14"/>
      <c r="CG63" s="14"/>
      <c r="CH63" s="14"/>
      <c r="CI63" s="14"/>
      <c r="CJ63" s="14"/>
      <c r="CK63" s="14"/>
      <c r="CL63" s="14"/>
    </row>
    <row r="64" spans="1:90" s="5" customFormat="1" ht="11.25" customHeight="1">
      <c r="A64" s="181"/>
      <c r="B64" s="222"/>
      <c r="C64" s="223"/>
      <c r="D64" s="223"/>
      <c r="E64" s="223"/>
      <c r="F64" s="223"/>
      <c r="G64" s="223"/>
      <c r="H64" s="223"/>
      <c r="I64" s="223"/>
      <c r="J64" s="223"/>
      <c r="K64" s="223"/>
      <c r="L64" s="223"/>
      <c r="M64" s="223"/>
      <c r="N64" s="223"/>
      <c r="O64" s="223"/>
      <c r="P64" s="223"/>
      <c r="Q64" s="223"/>
      <c r="R64" s="223"/>
      <c r="S64" s="224"/>
      <c r="T64" s="405">
        <v>1</v>
      </c>
      <c r="U64" s="406"/>
      <c r="V64" s="407"/>
      <c r="W64" s="405">
        <v>0.9</v>
      </c>
      <c r="X64" s="406"/>
      <c r="Y64" s="672"/>
      <c r="Z64" s="363"/>
      <c r="AA64" s="200"/>
      <c r="AB64" s="200"/>
      <c r="AC64" s="200"/>
      <c r="AD64" s="200"/>
      <c r="AE64" s="200"/>
      <c r="AF64" s="200"/>
      <c r="AG64" s="200"/>
      <c r="AH64" s="200"/>
      <c r="AI64" s="200"/>
      <c r="AJ64" s="200"/>
      <c r="AK64" s="200"/>
      <c r="AL64" s="200"/>
      <c r="AM64" s="200"/>
      <c r="AN64" s="230"/>
      <c r="AO64" s="670"/>
      <c r="AP64" s="254"/>
      <c r="AQ64" s="254"/>
      <c r="AR64" s="671"/>
      <c r="AS64" s="74"/>
      <c r="AT64" s="75"/>
      <c r="AU64" s="75"/>
      <c r="AV64" s="76"/>
      <c r="AW64" s="75"/>
      <c r="AX64" s="77"/>
      <c r="AY64" s="7"/>
      <c r="AZ64" s="68"/>
      <c r="BA64" s="68"/>
      <c r="BB64" s="68"/>
      <c r="BC64" s="69"/>
      <c r="BD64" s="69"/>
      <c r="BE64" s="69"/>
      <c r="BF64" s="69"/>
      <c r="BG64" s="69"/>
      <c r="BH64" s="289" t="s">
        <v>133</v>
      </c>
      <c r="BI64" s="290"/>
      <c r="BJ64" s="290"/>
      <c r="BK64" s="290"/>
      <c r="BL64" s="290"/>
      <c r="BM64" s="290"/>
      <c r="BN64" s="290"/>
      <c r="BO64" s="290"/>
      <c r="BP64" s="290"/>
      <c r="BQ64" s="290"/>
      <c r="BR64" s="658" t="s">
        <v>132</v>
      </c>
      <c r="BS64" s="659"/>
      <c r="BT64" s="659"/>
      <c r="BU64" s="659"/>
      <c r="BV64" s="660"/>
      <c r="CA64" s="14"/>
      <c r="CB64" s="16"/>
      <c r="CC64" s="16"/>
      <c r="CD64" s="14"/>
      <c r="CE64" s="14"/>
      <c r="CF64" s="14"/>
      <c r="CG64" s="14"/>
      <c r="CH64" s="14"/>
      <c r="CI64" s="14"/>
      <c r="CJ64" s="14"/>
      <c r="CK64" s="14"/>
      <c r="CL64" s="14"/>
    </row>
    <row r="65" spans="1:81" ht="11.25" customHeight="1">
      <c r="A65" s="78"/>
      <c r="B65" s="222"/>
      <c r="C65" s="223"/>
      <c r="D65" s="223"/>
      <c r="E65" s="223"/>
      <c r="F65" s="223"/>
      <c r="G65" s="223"/>
      <c r="H65" s="223"/>
      <c r="I65" s="223"/>
      <c r="J65" s="223"/>
      <c r="K65" s="223"/>
      <c r="L65" s="223"/>
      <c r="M65" s="223"/>
      <c r="N65" s="223"/>
      <c r="O65" s="223"/>
      <c r="P65" s="223"/>
      <c r="Q65" s="223"/>
      <c r="R65" s="223"/>
      <c r="S65" s="224"/>
      <c r="T65" s="393"/>
      <c r="U65" s="394"/>
      <c r="V65" s="202"/>
      <c r="W65" s="397"/>
      <c r="X65" s="398"/>
      <c r="Y65" s="399"/>
      <c r="Z65" s="431"/>
      <c r="AA65" s="421"/>
      <c r="AB65" s="421"/>
      <c r="AC65" s="421"/>
      <c r="AD65" s="421"/>
      <c r="AE65" s="421"/>
      <c r="AF65" s="421"/>
      <c r="AG65" s="421"/>
      <c r="AH65" s="421"/>
      <c r="AI65" s="421"/>
      <c r="AJ65" s="421"/>
      <c r="AK65" s="421"/>
      <c r="AL65" s="421"/>
      <c r="AM65" s="421"/>
      <c r="AN65" s="423"/>
      <c r="AO65" s="427"/>
      <c r="AP65" s="398"/>
      <c r="AQ65" s="398"/>
      <c r="AR65" s="428"/>
      <c r="AS65" s="38"/>
      <c r="AT65" s="39"/>
      <c r="AU65" s="39"/>
      <c r="AV65" s="39"/>
      <c r="AW65" s="39"/>
      <c r="AX65" s="80"/>
      <c r="AY65" s="38"/>
      <c r="AZ65" s="68"/>
      <c r="BA65" s="68"/>
      <c r="BB65" s="68"/>
      <c r="BC65" s="69"/>
      <c r="BD65" s="69"/>
      <c r="BE65" s="69"/>
      <c r="BF65" s="39"/>
      <c r="BG65" s="39"/>
      <c r="BH65" s="205" t="s">
        <v>98</v>
      </c>
      <c r="BI65" s="198"/>
      <c r="BJ65" s="198"/>
      <c r="BK65" s="198"/>
      <c r="BL65" s="198"/>
      <c r="BM65" s="198"/>
      <c r="BN65" s="198"/>
      <c r="BO65" s="198"/>
      <c r="BP65" s="198"/>
      <c r="BQ65" s="198"/>
      <c r="BR65" s="661"/>
      <c r="BS65" s="198"/>
      <c r="BT65" s="198"/>
      <c r="BU65" s="198"/>
      <c r="BV65" s="221"/>
      <c r="CB65" s="10"/>
      <c r="CC65" s="10"/>
    </row>
    <row r="66" spans="1:81" ht="11.25" customHeight="1">
      <c r="A66" s="78"/>
      <c r="B66" s="207"/>
      <c r="C66" s="200"/>
      <c r="D66" s="200"/>
      <c r="E66" s="200"/>
      <c r="F66" s="200"/>
      <c r="G66" s="200"/>
      <c r="H66" s="200"/>
      <c r="I66" s="200"/>
      <c r="J66" s="200"/>
      <c r="K66" s="200"/>
      <c r="L66" s="200"/>
      <c r="M66" s="200"/>
      <c r="N66" s="200"/>
      <c r="O66" s="200"/>
      <c r="P66" s="200"/>
      <c r="Q66" s="200"/>
      <c r="R66" s="200"/>
      <c r="S66" s="225"/>
      <c r="T66" s="395"/>
      <c r="U66" s="396"/>
      <c r="V66" s="204"/>
      <c r="W66" s="400"/>
      <c r="X66" s="401"/>
      <c r="Y66" s="402"/>
      <c r="Z66" s="432"/>
      <c r="AA66" s="433"/>
      <c r="AB66" s="433"/>
      <c r="AC66" s="433"/>
      <c r="AD66" s="433"/>
      <c r="AE66" s="433"/>
      <c r="AF66" s="433"/>
      <c r="AG66" s="433"/>
      <c r="AH66" s="433"/>
      <c r="AI66" s="433"/>
      <c r="AJ66" s="433"/>
      <c r="AK66" s="433"/>
      <c r="AL66" s="433"/>
      <c r="AM66" s="433"/>
      <c r="AN66" s="438"/>
      <c r="AO66" s="429"/>
      <c r="AP66" s="401"/>
      <c r="AQ66" s="401"/>
      <c r="AR66" s="430"/>
      <c r="AS66" s="42"/>
      <c r="AT66" s="43"/>
      <c r="AU66" s="43"/>
      <c r="AV66" s="43"/>
      <c r="AW66" s="43"/>
      <c r="AX66" s="81"/>
      <c r="AY66" s="42"/>
      <c r="AZ66" s="88"/>
      <c r="BA66" s="88"/>
      <c r="BB66" s="88"/>
      <c r="BC66" s="75"/>
      <c r="BD66" s="75"/>
      <c r="BE66" s="75"/>
      <c r="BF66" s="43"/>
      <c r="BG66" s="43"/>
      <c r="BH66" s="207"/>
      <c r="BI66" s="200"/>
      <c r="BJ66" s="200"/>
      <c r="BK66" s="200"/>
      <c r="BL66" s="200"/>
      <c r="BM66" s="200"/>
      <c r="BN66" s="200"/>
      <c r="BO66" s="200"/>
      <c r="BP66" s="200"/>
      <c r="BQ66" s="200"/>
      <c r="BR66" s="288"/>
      <c r="BS66" s="200"/>
      <c r="BT66" s="200"/>
      <c r="BU66" s="200"/>
      <c r="BV66" s="225"/>
      <c r="CB66" s="10"/>
      <c r="CC66" s="10"/>
    </row>
    <row r="67" spans="1:81" ht="5.25" customHeight="1">
      <c r="A67" s="89"/>
      <c r="B67" s="40"/>
      <c r="C67" s="46"/>
      <c r="D67" s="46"/>
      <c r="E67" s="46"/>
      <c r="F67" s="46"/>
      <c r="G67" s="46"/>
      <c r="H67" s="46"/>
      <c r="I67" s="46"/>
      <c r="J67" s="46"/>
      <c r="K67" s="46"/>
      <c r="L67" s="46"/>
      <c r="M67" s="46"/>
      <c r="N67" s="46"/>
      <c r="O67" s="46"/>
      <c r="P67" s="46"/>
      <c r="Q67" s="47"/>
      <c r="R67" s="47"/>
      <c r="S67" s="47"/>
      <c r="T67" s="47"/>
      <c r="U67" s="47"/>
      <c r="V67" s="47"/>
      <c r="W67" s="21"/>
      <c r="X67" s="21"/>
      <c r="Y67" s="21"/>
      <c r="Z67" s="21"/>
      <c r="AA67" s="21"/>
      <c r="AB67" s="21"/>
      <c r="AC67" s="21"/>
      <c r="AD67" s="21"/>
      <c r="AE67" s="21"/>
      <c r="AF67" s="21"/>
      <c r="AG67" s="21"/>
      <c r="AH67" s="21"/>
      <c r="AI67" s="21"/>
      <c r="AJ67" s="21"/>
      <c r="AK67" s="21"/>
      <c r="AL67" s="21"/>
      <c r="AM67" s="21"/>
      <c r="AN67" s="21"/>
      <c r="AO67" s="21"/>
      <c r="AP67" s="21"/>
      <c r="AQ67" s="47"/>
      <c r="AR67" s="47"/>
      <c r="AS67" s="47"/>
      <c r="AT67" s="47"/>
      <c r="AU67" s="34"/>
      <c r="AV67" s="34"/>
      <c r="AW67" s="34"/>
      <c r="AX67" s="34"/>
      <c r="AY67" s="34"/>
      <c r="AZ67" s="34"/>
      <c r="BA67" s="34"/>
      <c r="BB67" s="34"/>
      <c r="BC67" s="34"/>
      <c r="BD67" s="34"/>
      <c r="BE67" s="34"/>
      <c r="BF67" s="34"/>
      <c r="BG67" s="34"/>
      <c r="BH67" s="34"/>
      <c r="BI67" s="34"/>
      <c r="BJ67" s="34"/>
      <c r="BK67" s="34"/>
      <c r="BL67" s="34"/>
      <c r="BM67" s="34"/>
      <c r="BN67" s="34"/>
      <c r="BO67" s="34"/>
      <c r="BP67" s="34"/>
      <c r="BQ67" s="34"/>
      <c r="BR67" s="34"/>
      <c r="BS67" s="34"/>
      <c r="BT67" s="34"/>
      <c r="BU67" s="34"/>
      <c r="BX67" s="181"/>
    </row>
    <row r="68" spans="1:81" ht="11.25" customHeight="1">
      <c r="A68" s="89"/>
      <c r="B68" s="136" t="s">
        <v>87</v>
      </c>
      <c r="C68" s="90"/>
      <c r="D68" s="91"/>
      <c r="E68" s="91"/>
      <c r="F68" s="91"/>
      <c r="G68" s="91"/>
      <c r="H68" s="91"/>
      <c r="I68" s="91"/>
      <c r="J68" s="91"/>
      <c r="K68" s="91"/>
      <c r="L68" s="91"/>
      <c r="M68" s="91"/>
      <c r="N68" s="91"/>
      <c r="O68" s="91"/>
      <c r="P68" s="91"/>
      <c r="Q68" s="92"/>
      <c r="R68" s="92"/>
      <c r="S68" s="92"/>
      <c r="T68" s="92"/>
      <c r="U68" s="92"/>
      <c r="V68" s="92"/>
      <c r="W68" s="93"/>
      <c r="X68" s="93"/>
      <c r="Y68" s="93"/>
      <c r="Z68" s="93"/>
      <c r="AA68" s="93"/>
      <c r="AB68" s="93"/>
      <c r="AC68" s="93"/>
      <c r="AD68" s="93"/>
      <c r="AE68" s="93"/>
      <c r="AF68" s="93"/>
      <c r="AG68" s="93"/>
      <c r="AH68" s="93"/>
      <c r="AI68" s="93"/>
      <c r="AJ68" s="93"/>
      <c r="AK68" s="93"/>
      <c r="AL68" s="93"/>
      <c r="AM68" s="93"/>
      <c r="AN68" s="93"/>
      <c r="AO68" s="93"/>
      <c r="AP68" s="93"/>
      <c r="AQ68" s="92"/>
      <c r="AR68" s="92"/>
      <c r="AS68" s="92"/>
      <c r="AT68" s="92"/>
      <c r="AU68" s="94"/>
      <c r="AV68" s="94"/>
      <c r="AW68" s="94"/>
      <c r="AX68" s="94"/>
      <c r="AY68" s="94"/>
      <c r="AZ68" s="94"/>
      <c r="BA68" s="94"/>
      <c r="BB68" s="94"/>
      <c r="BC68" s="94"/>
      <c r="BD68" s="94"/>
      <c r="BE68" s="94"/>
      <c r="BF68" s="94"/>
      <c r="BG68" s="94"/>
      <c r="BH68" s="94"/>
      <c r="BI68" s="186"/>
      <c r="BJ68" s="186"/>
      <c r="BK68" s="186"/>
      <c r="BL68" s="186"/>
      <c r="BM68" s="186"/>
      <c r="BN68" s="186"/>
      <c r="BO68" s="186"/>
      <c r="BP68" s="186"/>
      <c r="BQ68" s="186"/>
      <c r="BR68" s="186"/>
      <c r="BS68" s="186"/>
      <c r="BT68" s="186"/>
      <c r="BU68" s="186"/>
      <c r="BV68" s="187"/>
      <c r="BW68" s="181"/>
    </row>
    <row r="69" spans="1:81" ht="11.25" customHeight="1">
      <c r="A69" s="89"/>
      <c r="B69" s="95"/>
      <c r="C69" s="46"/>
      <c r="D69" s="46"/>
      <c r="E69" s="46"/>
      <c r="F69" s="46"/>
      <c r="G69" s="46"/>
      <c r="H69" s="46"/>
      <c r="I69" s="46"/>
      <c r="J69" s="46"/>
      <c r="K69" s="46"/>
      <c r="L69" s="46"/>
      <c r="M69" s="46"/>
      <c r="N69" s="46"/>
      <c r="O69" s="46"/>
      <c r="P69" s="46"/>
      <c r="Q69" s="47"/>
      <c r="R69" s="47"/>
      <c r="S69" s="47"/>
      <c r="T69" s="47"/>
      <c r="U69" s="47"/>
      <c r="AE69" s="21"/>
      <c r="AF69" s="21"/>
      <c r="AG69" s="21"/>
      <c r="AH69" s="21"/>
      <c r="AI69" s="21"/>
      <c r="AJ69" s="21"/>
      <c r="AK69" s="21"/>
      <c r="AL69" s="21"/>
      <c r="AM69" s="21"/>
      <c r="AN69" s="21"/>
      <c r="AO69" s="21"/>
      <c r="AP69" s="21"/>
      <c r="AQ69" s="47"/>
      <c r="AR69" s="47"/>
      <c r="AS69" s="47"/>
      <c r="AT69" s="47"/>
      <c r="AU69" s="34"/>
      <c r="AV69" s="34"/>
      <c r="AW69" s="34"/>
      <c r="AX69" s="34"/>
      <c r="AY69" s="34"/>
      <c r="AZ69" s="34"/>
      <c r="BA69" s="34"/>
      <c r="BB69" s="34"/>
      <c r="BC69" s="34"/>
      <c r="BD69" s="34"/>
      <c r="BE69" s="34"/>
      <c r="BF69" s="34"/>
      <c r="BG69" s="34"/>
      <c r="BH69" s="34"/>
      <c r="BI69" s="40"/>
      <c r="BJ69" s="40"/>
      <c r="BK69" s="40"/>
      <c r="BL69" s="40"/>
      <c r="BM69" s="40"/>
      <c r="BN69" s="40"/>
      <c r="BO69" s="40"/>
      <c r="BP69" s="40"/>
      <c r="BQ69" s="40"/>
      <c r="BR69" s="40"/>
      <c r="BS69" s="40"/>
      <c r="BT69" s="40"/>
      <c r="BU69" s="40"/>
      <c r="BV69" s="188"/>
      <c r="BW69" s="181"/>
    </row>
    <row r="70" spans="1:81" s="5" customFormat="1" ht="11.25" customHeight="1">
      <c r="B70" s="52"/>
      <c r="C70" s="14"/>
      <c r="D70" s="14"/>
      <c r="E70" s="14"/>
      <c r="F70" s="14"/>
      <c r="G70" s="14"/>
      <c r="H70" s="14"/>
      <c r="I70" s="14"/>
      <c r="J70" s="14"/>
      <c r="K70" s="14"/>
      <c r="L70" s="14"/>
      <c r="M70" s="14"/>
      <c r="N70" s="14"/>
      <c r="O70" s="14"/>
      <c r="P70" s="14"/>
      <c r="Q70" s="14"/>
      <c r="R70" s="14"/>
      <c r="S70" s="14"/>
      <c r="T70" s="14"/>
      <c r="U70" s="14"/>
      <c r="V70" s="14"/>
      <c r="W70" s="14"/>
      <c r="X70" s="14"/>
      <c r="Y70" s="14"/>
      <c r="Z70" s="14"/>
      <c r="AA70" s="14"/>
      <c r="AB70" s="14"/>
      <c r="AC70" s="14"/>
      <c r="AD70" s="14"/>
      <c r="AE70" s="14"/>
      <c r="AF70" s="14"/>
      <c r="AG70" s="14"/>
      <c r="AH70" s="14"/>
      <c r="AI70" s="14"/>
      <c r="AJ70" s="14"/>
      <c r="AK70" s="14"/>
      <c r="AL70" s="14"/>
      <c r="AM70" s="14"/>
      <c r="AN70" s="14"/>
      <c r="AO70" s="14"/>
      <c r="AP70" s="14"/>
      <c r="AQ70" s="14"/>
      <c r="AR70" s="14"/>
      <c r="AS70" s="14"/>
      <c r="AT70" s="14"/>
      <c r="AU70" s="14"/>
      <c r="AV70" s="14"/>
      <c r="AW70" s="14"/>
      <c r="AX70" s="14"/>
      <c r="AY70" s="14"/>
      <c r="AZ70" s="14"/>
      <c r="BA70" s="14"/>
      <c r="BB70" s="14"/>
      <c r="BC70" s="14"/>
      <c r="BD70" s="14"/>
      <c r="BE70" s="14"/>
      <c r="BF70" s="14"/>
      <c r="BG70" s="14"/>
      <c r="BH70" s="14"/>
      <c r="BI70" s="14"/>
      <c r="BJ70" s="14"/>
      <c r="BK70" s="14"/>
      <c r="BL70" s="14"/>
      <c r="BM70" s="14"/>
      <c r="BN70" s="14"/>
      <c r="BO70" s="14"/>
      <c r="BP70" s="14"/>
      <c r="BQ70" s="14"/>
      <c r="BR70" s="14"/>
      <c r="BS70" s="14"/>
      <c r="BT70" s="14"/>
      <c r="BU70" s="14"/>
      <c r="BV70" s="53"/>
    </row>
    <row r="71" spans="1:81" s="5" customFormat="1" ht="11.25" customHeight="1">
      <c r="B71" s="52"/>
      <c r="C71" s="14"/>
      <c r="D71" s="14"/>
      <c r="E71" s="14"/>
      <c r="F71" s="14"/>
      <c r="G71" s="14"/>
      <c r="H71" s="14"/>
      <c r="I71" s="14"/>
      <c r="J71" s="14"/>
      <c r="K71" s="14"/>
      <c r="L71" s="14"/>
      <c r="M71" s="14"/>
      <c r="N71" s="14"/>
      <c r="O71" s="14"/>
      <c r="P71" s="14"/>
      <c r="Q71" s="14"/>
      <c r="R71" s="14"/>
      <c r="S71" s="14"/>
      <c r="T71" s="14"/>
      <c r="U71" s="14"/>
      <c r="V71" s="14"/>
      <c r="W71" s="14"/>
      <c r="X71" s="14"/>
      <c r="Y71" s="14"/>
      <c r="Z71" s="14"/>
      <c r="AA71" s="14"/>
      <c r="AB71" s="14"/>
      <c r="AC71" s="14"/>
      <c r="AD71" s="14"/>
      <c r="AE71" s="14"/>
      <c r="AF71" s="14"/>
      <c r="AG71" s="14"/>
      <c r="AH71" s="14"/>
      <c r="AI71" s="14"/>
      <c r="AJ71" s="14"/>
      <c r="AK71" s="14"/>
      <c r="AL71" s="14"/>
      <c r="AM71" s="14"/>
      <c r="AN71" s="14"/>
      <c r="AO71" s="14"/>
      <c r="AP71" s="14"/>
      <c r="AQ71" s="14"/>
      <c r="AR71" s="14"/>
      <c r="AS71" s="14"/>
      <c r="AT71" s="14"/>
      <c r="AU71" s="14"/>
      <c r="AV71" s="14"/>
      <c r="AW71" s="14"/>
      <c r="AX71" s="14"/>
      <c r="AY71" s="14"/>
      <c r="AZ71" s="14"/>
      <c r="BA71" s="14"/>
      <c r="BB71" s="14"/>
      <c r="BC71" s="14"/>
      <c r="BD71" s="14"/>
      <c r="BE71" s="14"/>
      <c r="BF71" s="14"/>
      <c r="BG71" s="14"/>
      <c r="BH71" s="14"/>
      <c r="BI71" s="14"/>
      <c r="BJ71" s="14"/>
      <c r="BK71" s="14"/>
      <c r="BL71" s="14"/>
      <c r="BM71" s="14"/>
      <c r="BN71" s="14"/>
      <c r="BO71" s="14"/>
      <c r="BP71" s="14"/>
      <c r="BQ71" s="14"/>
      <c r="BR71" s="14"/>
      <c r="BS71" s="14"/>
      <c r="BT71" s="14"/>
      <c r="BU71" s="14"/>
      <c r="BV71" s="53"/>
    </row>
    <row r="72" spans="1:81" s="5" customFormat="1" ht="11.25" customHeight="1">
      <c r="B72" s="52"/>
      <c r="C72" s="14"/>
      <c r="D72" s="14"/>
      <c r="E72" s="14"/>
      <c r="F72" s="14"/>
      <c r="G72" s="14"/>
      <c r="H72" s="14"/>
      <c r="I72" s="14"/>
      <c r="J72" s="14"/>
      <c r="K72" s="14"/>
      <c r="L72" s="14"/>
      <c r="M72" s="14"/>
      <c r="N72" s="14"/>
      <c r="O72" s="14"/>
      <c r="P72" s="14"/>
      <c r="Q72" s="14"/>
      <c r="R72" s="14"/>
      <c r="S72" s="14"/>
      <c r="T72" s="14"/>
      <c r="U72" s="14"/>
      <c r="V72" s="14"/>
      <c r="W72" s="14"/>
      <c r="X72" s="14"/>
      <c r="Y72" s="14"/>
      <c r="Z72" s="14"/>
      <c r="AA72" s="14"/>
      <c r="AB72" s="14"/>
      <c r="AC72" s="14"/>
      <c r="AD72" s="14"/>
      <c r="AE72" s="14"/>
      <c r="AF72" s="14"/>
      <c r="AG72" s="14"/>
      <c r="AH72" s="14"/>
      <c r="AI72" s="14"/>
      <c r="AJ72" s="14"/>
      <c r="AK72" s="14"/>
      <c r="AL72" s="14"/>
      <c r="AM72" s="14"/>
      <c r="AN72" s="14"/>
      <c r="AO72" s="14"/>
      <c r="AP72" s="14"/>
      <c r="AQ72" s="14"/>
      <c r="AR72" s="14"/>
      <c r="AS72" s="14"/>
      <c r="AT72" s="14"/>
      <c r="AU72" s="14"/>
      <c r="AV72" s="14"/>
      <c r="AW72" s="14"/>
      <c r="AX72" s="14"/>
      <c r="AY72" s="14"/>
      <c r="AZ72" s="14"/>
      <c r="BA72" s="14"/>
      <c r="BB72" s="14"/>
      <c r="BC72" s="14"/>
      <c r="BD72" s="14"/>
      <c r="BE72" s="14"/>
      <c r="BF72" s="14"/>
      <c r="BG72" s="14"/>
      <c r="BH72" s="14"/>
      <c r="BI72" s="14"/>
      <c r="BJ72" s="14"/>
      <c r="BK72" s="14"/>
      <c r="BL72" s="14"/>
      <c r="BM72" s="14"/>
      <c r="BN72" s="14"/>
      <c r="BO72" s="14"/>
      <c r="BP72" s="14"/>
      <c r="BQ72" s="14"/>
      <c r="BR72" s="14"/>
      <c r="BS72" s="14"/>
      <c r="BT72" s="14"/>
      <c r="BU72" s="14"/>
      <c r="BV72" s="53"/>
    </row>
    <row r="73" spans="1:81" s="5" customFormat="1" ht="11.25" customHeight="1">
      <c r="B73" s="55"/>
      <c r="C73" s="56"/>
      <c r="D73" s="56"/>
      <c r="E73" s="56"/>
      <c r="F73" s="56"/>
      <c r="G73" s="56"/>
      <c r="H73" s="56"/>
      <c r="I73" s="56"/>
      <c r="J73" s="56"/>
      <c r="K73" s="56"/>
      <c r="L73" s="56"/>
      <c r="M73" s="56"/>
      <c r="N73" s="56"/>
      <c r="O73" s="56"/>
      <c r="P73" s="56"/>
      <c r="Q73" s="56"/>
      <c r="R73" s="56"/>
      <c r="S73" s="56"/>
      <c r="T73" s="56"/>
      <c r="U73" s="56"/>
      <c r="V73" s="56"/>
      <c r="W73" s="56"/>
      <c r="X73" s="56"/>
      <c r="Y73" s="56"/>
      <c r="Z73" s="56"/>
      <c r="AA73" s="56"/>
      <c r="AB73" s="56"/>
      <c r="AC73" s="56"/>
      <c r="AD73" s="56"/>
      <c r="AE73" s="56"/>
      <c r="AF73" s="56"/>
      <c r="AG73" s="56"/>
      <c r="AH73" s="56"/>
      <c r="AI73" s="56"/>
      <c r="AJ73" s="56"/>
      <c r="AK73" s="56"/>
      <c r="AL73" s="56"/>
      <c r="AM73" s="56"/>
      <c r="AN73" s="56"/>
      <c r="AO73" s="56"/>
      <c r="AP73" s="56"/>
      <c r="AQ73" s="56"/>
      <c r="AR73" s="56"/>
      <c r="AS73" s="56"/>
      <c r="AT73" s="56"/>
      <c r="AU73" s="56"/>
      <c r="AV73" s="56"/>
      <c r="AW73" s="56"/>
      <c r="AX73" s="56"/>
      <c r="AY73" s="56"/>
      <c r="AZ73" s="56"/>
      <c r="BA73" s="56"/>
      <c r="BB73" s="56"/>
      <c r="BC73" s="56"/>
      <c r="BD73" s="56"/>
      <c r="BE73" s="56"/>
      <c r="BF73" s="56"/>
      <c r="BG73" s="56"/>
      <c r="BH73" s="56"/>
      <c r="BI73" s="56"/>
      <c r="BJ73" s="56"/>
      <c r="BK73" s="56"/>
      <c r="BL73" s="56"/>
      <c r="BM73" s="56"/>
      <c r="BN73" s="56"/>
      <c r="BO73" s="56"/>
      <c r="BP73" s="56"/>
      <c r="BQ73" s="56"/>
      <c r="BR73" s="56"/>
      <c r="BS73" s="56"/>
      <c r="BT73" s="56"/>
      <c r="BU73" s="56"/>
      <c r="BV73" s="58"/>
    </row>
    <row r="74" spans="1:81" s="5" customFormat="1" ht="11.25" customHeight="1">
      <c r="B74" s="14" t="s">
        <v>119</v>
      </c>
      <c r="S74" s="14"/>
      <c r="T74" s="14"/>
      <c r="U74" s="14"/>
      <c r="V74" s="14"/>
      <c r="W74" s="14"/>
      <c r="X74" s="14"/>
      <c r="Y74" s="14"/>
      <c r="Z74" s="14"/>
      <c r="AA74" s="14"/>
      <c r="AB74" s="14"/>
      <c r="AC74" s="14"/>
      <c r="AD74" s="14"/>
      <c r="AE74" s="14"/>
      <c r="AF74" s="14"/>
      <c r="AG74" s="14"/>
      <c r="AH74" s="14"/>
      <c r="AI74" s="14"/>
      <c r="AJ74" s="14"/>
      <c r="AK74" s="14"/>
      <c r="AL74" s="14"/>
      <c r="AM74" s="14"/>
      <c r="AN74" s="14"/>
      <c r="AO74" s="14"/>
      <c r="AP74" s="14"/>
      <c r="AQ74" s="14"/>
      <c r="AR74" s="14"/>
      <c r="AS74" s="14"/>
      <c r="AT74" s="14"/>
      <c r="AU74" s="14"/>
      <c r="AV74" s="14"/>
      <c r="AW74" s="14"/>
      <c r="AX74" s="14"/>
      <c r="AY74" s="14"/>
      <c r="AZ74" s="14"/>
      <c r="BA74" s="14"/>
      <c r="BB74" s="14"/>
      <c r="BC74" s="14"/>
      <c r="BD74" s="14"/>
      <c r="BE74" s="14"/>
      <c r="BF74" s="14"/>
    </row>
    <row r="75" spans="1:81" s="5" customFormat="1" ht="11.25" customHeight="1">
      <c r="B75" s="22"/>
      <c r="C75" s="22"/>
      <c r="D75" s="22"/>
      <c r="E75" s="22"/>
      <c r="F75" s="22"/>
      <c r="G75" s="22"/>
      <c r="H75" s="22"/>
      <c r="I75" s="22"/>
      <c r="J75" s="22"/>
      <c r="K75" s="22"/>
      <c r="L75" s="5" t="s">
        <v>118</v>
      </c>
      <c r="M75" s="22"/>
      <c r="N75" s="22"/>
      <c r="O75" s="22"/>
      <c r="P75" s="22"/>
      <c r="R75" s="22"/>
      <c r="S75" s="14"/>
      <c r="T75" s="14"/>
      <c r="U75" s="14"/>
      <c r="V75" s="14"/>
      <c r="W75" s="14"/>
      <c r="X75" s="14"/>
      <c r="Y75" s="14"/>
      <c r="Z75" s="14"/>
      <c r="AA75" s="14"/>
      <c r="AB75" s="14"/>
      <c r="AC75" s="14"/>
      <c r="AD75" s="14"/>
      <c r="AE75" s="14"/>
      <c r="AF75" s="14"/>
      <c r="AG75" s="14"/>
      <c r="AH75" s="14"/>
      <c r="AI75" s="14"/>
      <c r="AJ75" s="14"/>
      <c r="AK75" s="14"/>
      <c r="AL75" s="14"/>
      <c r="AM75" s="14"/>
      <c r="AN75" s="14"/>
      <c r="AO75" s="14"/>
      <c r="AP75" s="14"/>
      <c r="AQ75" s="14"/>
      <c r="AR75" s="14"/>
      <c r="AS75" s="14"/>
      <c r="AT75" s="14"/>
      <c r="AU75" s="14"/>
      <c r="AV75" s="14"/>
      <c r="AW75" s="14"/>
      <c r="AX75" s="14"/>
      <c r="AY75" s="14"/>
      <c r="AZ75" s="14"/>
      <c r="BA75" s="14"/>
      <c r="BB75" s="14"/>
      <c r="BC75" s="14"/>
      <c r="BD75" s="14"/>
      <c r="BE75" s="14"/>
      <c r="BF75" s="14"/>
      <c r="BI75" s="460"/>
      <c r="BJ75" s="460"/>
      <c r="BK75" s="460"/>
      <c r="BL75" s="460"/>
      <c r="BM75" s="460" t="s">
        <v>44</v>
      </c>
      <c r="BN75" s="460"/>
      <c r="BO75" s="460"/>
      <c r="BP75" s="460"/>
      <c r="BQ75" s="460"/>
      <c r="BR75" s="460"/>
      <c r="BS75" s="460"/>
      <c r="BT75" s="460" t="s">
        <v>45</v>
      </c>
      <c r="BU75" s="460"/>
      <c r="BV75" s="460"/>
    </row>
    <row r="76" spans="1:81" s="5" customFormat="1" ht="11.25" customHeight="1">
      <c r="B76" s="135" t="s">
        <v>71</v>
      </c>
      <c r="AG76" s="22"/>
      <c r="AH76" s="22"/>
      <c r="AI76" s="22"/>
      <c r="AJ76" s="22"/>
      <c r="AK76" s="22"/>
      <c r="AL76" s="22"/>
      <c r="AM76" s="22"/>
      <c r="AN76" s="22"/>
      <c r="AO76" s="22"/>
      <c r="AP76" s="22"/>
      <c r="AQ76" s="22"/>
      <c r="AR76" s="22"/>
      <c r="AS76" s="22"/>
      <c r="AT76" s="22"/>
      <c r="AU76" s="22"/>
      <c r="AV76" s="22"/>
      <c r="AW76" s="22"/>
      <c r="AX76" s="22"/>
      <c r="AY76" s="22"/>
      <c r="AZ76" s="22"/>
      <c r="BA76" s="22"/>
      <c r="BB76" s="22"/>
      <c r="BC76" s="22"/>
      <c r="BD76" s="22"/>
      <c r="BE76" s="22"/>
      <c r="BI76" s="461"/>
      <c r="BJ76" s="461"/>
      <c r="BK76" s="461"/>
      <c r="BL76" s="461"/>
      <c r="BM76" s="461"/>
      <c r="BN76" s="461"/>
      <c r="BO76" s="461"/>
      <c r="BP76" s="461"/>
      <c r="BQ76" s="461"/>
      <c r="BR76" s="461"/>
      <c r="BS76" s="461"/>
      <c r="BT76" s="461"/>
      <c r="BU76" s="461"/>
      <c r="BV76" s="461"/>
    </row>
    <row r="77" spans="1:81" s="5" customFormat="1" ht="11.25" customHeight="1">
      <c r="B77" s="14"/>
      <c r="AI77" s="22"/>
      <c r="AJ77" s="22"/>
      <c r="AK77" s="22"/>
      <c r="AL77" s="22"/>
      <c r="AM77" s="22"/>
      <c r="AN77" s="22"/>
      <c r="AO77" s="22"/>
      <c r="AP77" s="22"/>
      <c r="AQ77" s="22"/>
      <c r="AR77" s="22"/>
      <c r="AS77" s="22"/>
      <c r="AT77" s="22"/>
      <c r="AU77" s="22"/>
      <c r="AV77" s="22"/>
      <c r="AW77" s="22"/>
      <c r="AX77" s="22"/>
      <c r="AY77" s="22"/>
      <c r="AZ77" s="22"/>
      <c r="BA77" s="22"/>
      <c r="BB77" s="22"/>
      <c r="BC77" s="22"/>
      <c r="BD77" s="22"/>
      <c r="BE77" s="22"/>
      <c r="BF77" s="22"/>
    </row>
    <row r="78" spans="1:81" s="5" customFormat="1" ht="11.25" customHeight="1">
      <c r="B78" s="22"/>
      <c r="C78" s="22"/>
      <c r="D78" s="22"/>
      <c r="E78" s="22"/>
      <c r="F78" s="22"/>
      <c r="G78" s="22"/>
      <c r="H78" s="22"/>
      <c r="I78" s="22"/>
      <c r="J78" s="22"/>
      <c r="K78" s="22"/>
      <c r="L78" s="22"/>
      <c r="M78" s="22"/>
      <c r="N78" s="22"/>
      <c r="O78" s="22"/>
      <c r="P78" s="22"/>
      <c r="R78" s="22"/>
      <c r="S78" s="22"/>
      <c r="T78" s="22"/>
      <c r="U78" s="22"/>
      <c r="V78" s="22"/>
      <c r="W78" s="22"/>
      <c r="X78" s="22"/>
      <c r="Y78" s="22"/>
      <c r="Z78" s="22"/>
      <c r="AA78" s="22"/>
      <c r="AB78" s="22"/>
      <c r="AC78" s="22"/>
      <c r="AD78" s="22"/>
      <c r="AE78" s="22"/>
      <c r="AF78" s="22"/>
      <c r="AG78" s="22"/>
      <c r="AH78" s="22"/>
      <c r="AI78" s="22"/>
      <c r="AJ78" s="22"/>
      <c r="AK78" s="22"/>
      <c r="AL78" s="22"/>
      <c r="AM78" s="22"/>
      <c r="AN78" s="22"/>
      <c r="AO78" s="22"/>
      <c r="AP78" s="22"/>
      <c r="AQ78" s="22"/>
      <c r="AR78" s="22"/>
      <c r="AS78" s="22"/>
      <c r="AT78" s="22"/>
      <c r="AU78" s="22"/>
      <c r="AV78" s="22"/>
      <c r="AW78" s="22"/>
      <c r="AX78" s="22"/>
      <c r="AY78" s="22"/>
      <c r="AZ78" s="22"/>
      <c r="BA78" s="22"/>
      <c r="BB78" s="22"/>
      <c r="BC78" s="22"/>
      <c r="BD78" s="22"/>
      <c r="BE78" s="22"/>
      <c r="BF78" s="22"/>
    </row>
    <row r="79" spans="1:81" s="5" customFormat="1" ht="11.25" customHeight="1">
      <c r="B79" s="22"/>
      <c r="C79" s="22"/>
      <c r="D79" s="22"/>
      <c r="E79" s="22"/>
      <c r="F79" s="22"/>
      <c r="G79" s="22"/>
      <c r="H79" s="22"/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2"/>
      <c r="T79" s="22"/>
      <c r="U79" s="22"/>
      <c r="V79" s="22"/>
      <c r="W79" s="22"/>
      <c r="X79" s="22"/>
      <c r="Y79" s="22"/>
      <c r="Z79" s="22"/>
      <c r="AA79" s="22"/>
      <c r="AB79" s="22"/>
      <c r="AC79" s="22"/>
      <c r="AD79" s="22"/>
      <c r="AE79" s="22"/>
      <c r="AF79" s="22"/>
      <c r="AG79" s="22"/>
      <c r="AH79" s="22"/>
      <c r="AI79" s="22"/>
      <c r="AJ79" s="22"/>
      <c r="AK79" s="22"/>
      <c r="AL79" s="22"/>
      <c r="AM79" s="22"/>
      <c r="AN79" s="22"/>
      <c r="AO79" s="22"/>
      <c r="AP79" s="22"/>
      <c r="AQ79" s="22"/>
      <c r="AR79" s="22"/>
      <c r="AS79" s="22"/>
      <c r="AT79" s="22"/>
      <c r="AU79" s="22"/>
      <c r="AV79" s="22"/>
      <c r="AW79" s="22"/>
      <c r="AX79" s="22"/>
      <c r="AY79" s="22"/>
      <c r="AZ79" s="22"/>
      <c r="BA79" s="22"/>
      <c r="BB79" s="22"/>
      <c r="BC79" s="22"/>
      <c r="BD79" s="22"/>
      <c r="BE79" s="22"/>
      <c r="BF79" s="22"/>
      <c r="BH79" s="22"/>
      <c r="BI79" s="22"/>
      <c r="BJ79" s="22"/>
      <c r="BK79" s="22"/>
      <c r="BL79" s="22"/>
      <c r="BM79" s="22"/>
      <c r="BN79" s="22"/>
      <c r="BO79" s="22"/>
      <c r="BP79" s="22"/>
      <c r="BQ79" s="22"/>
      <c r="BR79" s="22"/>
      <c r="BS79" s="22"/>
      <c r="BT79" s="22"/>
      <c r="BU79" s="22"/>
    </row>
    <row r="80" spans="1:81" ht="11.25" customHeight="1"/>
    <row r="81" ht="11.25" customHeight="1"/>
  </sheetData>
  <mergeCells count="586">
    <mergeCell ref="AN6:AS6"/>
    <mergeCell ref="AH6:AM6"/>
    <mergeCell ref="AB6:AG6"/>
    <mergeCell ref="AB7:AG8"/>
    <mergeCell ref="AH7:AM8"/>
    <mergeCell ref="AN7:AS8"/>
    <mergeCell ref="V6:AA8"/>
    <mergeCell ref="AT4:BB6"/>
    <mergeCell ref="BC4:BV6"/>
    <mergeCell ref="AT7:BF8"/>
    <mergeCell ref="BJ7:BR8"/>
    <mergeCell ref="BT7:BU8"/>
    <mergeCell ref="BH65:BQ66"/>
    <mergeCell ref="BR65:BV66"/>
    <mergeCell ref="B63:S66"/>
    <mergeCell ref="T63:Y63"/>
    <mergeCell ref="Z63:AN64"/>
    <mergeCell ref="AO63:AR64"/>
    <mergeCell ref="AL65:AN66"/>
    <mergeCell ref="AO65:AR66"/>
    <mergeCell ref="BI75:BL76"/>
    <mergeCell ref="BM75:BO76"/>
    <mergeCell ref="BP75:BS76"/>
    <mergeCell ref="BT75:BV76"/>
    <mergeCell ref="T64:V64"/>
    <mergeCell ref="W64:Y64"/>
    <mergeCell ref="T65:V66"/>
    <mergeCell ref="W65:Y66"/>
    <mergeCell ref="Z65:AB66"/>
    <mergeCell ref="AC65:AE66"/>
    <mergeCell ref="AF65:AH66"/>
    <mergeCell ref="AI65:AK66"/>
    <mergeCell ref="AO61:AR62"/>
    <mergeCell ref="R61:T62"/>
    <mergeCell ref="U61:V62"/>
    <mergeCell ref="W61:Y62"/>
    <mergeCell ref="Z61:AB62"/>
    <mergeCell ref="AC61:AE62"/>
    <mergeCell ref="AF61:AH62"/>
    <mergeCell ref="BH63:BV63"/>
    <mergeCell ref="BH64:BQ64"/>
    <mergeCell ref="BR64:BV64"/>
    <mergeCell ref="BB59:BD60"/>
    <mergeCell ref="BE59:BG60"/>
    <mergeCell ref="W59:Y60"/>
    <mergeCell ref="Z59:AB60"/>
    <mergeCell ref="AC59:AE60"/>
    <mergeCell ref="AF59:AH60"/>
    <mergeCell ref="AI59:AK60"/>
    <mergeCell ref="AL59:AN60"/>
    <mergeCell ref="A61:A62"/>
    <mergeCell ref="B61:E62"/>
    <mergeCell ref="F61:I62"/>
    <mergeCell ref="J61:L62"/>
    <mergeCell ref="M61:N62"/>
    <mergeCell ref="O61:Q62"/>
    <mergeCell ref="AO59:AR60"/>
    <mergeCell ref="AS59:AU60"/>
    <mergeCell ref="AV59:AX60"/>
    <mergeCell ref="BB61:BD62"/>
    <mergeCell ref="BE61:BG62"/>
    <mergeCell ref="AS61:AU62"/>
    <mergeCell ref="AV61:AX62"/>
    <mergeCell ref="AY61:BA62"/>
    <mergeCell ref="AI61:AK62"/>
    <mergeCell ref="AL61:AN62"/>
    <mergeCell ref="BE57:BG58"/>
    <mergeCell ref="A59:A60"/>
    <mergeCell ref="B59:E60"/>
    <mergeCell ref="F59:I60"/>
    <mergeCell ref="J59:L60"/>
    <mergeCell ref="M59:N60"/>
    <mergeCell ref="O59:Q60"/>
    <mergeCell ref="R59:T60"/>
    <mergeCell ref="U59:V60"/>
    <mergeCell ref="AI57:AK58"/>
    <mergeCell ref="AL57:AN58"/>
    <mergeCell ref="AO57:AR58"/>
    <mergeCell ref="AS57:AU58"/>
    <mergeCell ref="AV57:AX58"/>
    <mergeCell ref="AY57:BA58"/>
    <mergeCell ref="R57:T58"/>
    <mergeCell ref="U57:V58"/>
    <mergeCell ref="W57:Y58"/>
    <mergeCell ref="Z57:AB58"/>
    <mergeCell ref="AC57:AE58"/>
    <mergeCell ref="AF57:AH58"/>
    <mergeCell ref="A57:A58"/>
    <mergeCell ref="B57:E58"/>
    <mergeCell ref="AY59:BA60"/>
    <mergeCell ref="F57:I58"/>
    <mergeCell ref="J57:L58"/>
    <mergeCell ref="M57:N58"/>
    <mergeCell ref="O57:Q58"/>
    <mergeCell ref="AO55:AR56"/>
    <mergeCell ref="AS55:AU56"/>
    <mergeCell ref="AV55:AX56"/>
    <mergeCell ref="AY55:BA56"/>
    <mergeCell ref="BB55:BD56"/>
    <mergeCell ref="BB57:BD58"/>
    <mergeCell ref="BE55:BG56"/>
    <mergeCell ref="W55:Y56"/>
    <mergeCell ref="Z55:AB56"/>
    <mergeCell ref="AC55:AE56"/>
    <mergeCell ref="AF55:AH56"/>
    <mergeCell ref="AI55:AK56"/>
    <mergeCell ref="AL55:AN56"/>
    <mergeCell ref="BB53:BD54"/>
    <mergeCell ref="BE53:BG54"/>
    <mergeCell ref="AL53:AN54"/>
    <mergeCell ref="AO53:AR54"/>
    <mergeCell ref="AS53:AU54"/>
    <mergeCell ref="AV53:AX54"/>
    <mergeCell ref="AY53:BA54"/>
    <mergeCell ref="A55:A56"/>
    <mergeCell ref="B55:E56"/>
    <mergeCell ref="F55:I56"/>
    <mergeCell ref="J55:L56"/>
    <mergeCell ref="M55:N56"/>
    <mergeCell ref="O55:Q56"/>
    <mergeCell ref="R55:T56"/>
    <mergeCell ref="U55:V56"/>
    <mergeCell ref="AI53:AK54"/>
    <mergeCell ref="R53:T54"/>
    <mergeCell ref="U53:V54"/>
    <mergeCell ref="W53:Y54"/>
    <mergeCell ref="Z53:AB54"/>
    <mergeCell ref="AC53:AE54"/>
    <mergeCell ref="AF53:AH54"/>
    <mergeCell ref="A53:A54"/>
    <mergeCell ref="B53:E54"/>
    <mergeCell ref="F53:I54"/>
    <mergeCell ref="J53:L54"/>
    <mergeCell ref="M53:N54"/>
    <mergeCell ref="O53:Q54"/>
    <mergeCell ref="AS51:AU52"/>
    <mergeCell ref="AV51:AX52"/>
    <mergeCell ref="AY51:BA52"/>
    <mergeCell ref="BB51:BD52"/>
    <mergeCell ref="BE51:BG52"/>
    <mergeCell ref="W51:Y52"/>
    <mergeCell ref="Z51:AB52"/>
    <mergeCell ref="AC51:AE52"/>
    <mergeCell ref="AF51:AH52"/>
    <mergeCell ref="AI51:AK52"/>
    <mergeCell ref="AL51:AN52"/>
    <mergeCell ref="BE49:BG50"/>
    <mergeCell ref="A51:A52"/>
    <mergeCell ref="B51:E52"/>
    <mergeCell ref="F51:I52"/>
    <mergeCell ref="J51:L52"/>
    <mergeCell ref="M51:N52"/>
    <mergeCell ref="O51:Q52"/>
    <mergeCell ref="R51:T52"/>
    <mergeCell ref="U51:V52"/>
    <mergeCell ref="AI49:AK50"/>
    <mergeCell ref="AL49:AN50"/>
    <mergeCell ref="AO49:AR50"/>
    <mergeCell ref="AS49:AU50"/>
    <mergeCell ref="AV49:AX50"/>
    <mergeCell ref="AY49:BA50"/>
    <mergeCell ref="R49:T50"/>
    <mergeCell ref="U49:V50"/>
    <mergeCell ref="W49:Y50"/>
    <mergeCell ref="Z49:AB50"/>
    <mergeCell ref="AC49:AE50"/>
    <mergeCell ref="AF49:AH50"/>
    <mergeCell ref="A49:A50"/>
    <mergeCell ref="B49:E50"/>
    <mergeCell ref="AO51:AR52"/>
    <mergeCell ref="F49:I50"/>
    <mergeCell ref="J49:L50"/>
    <mergeCell ref="M49:N50"/>
    <mergeCell ref="O49:Q50"/>
    <mergeCell ref="AO47:AR48"/>
    <mergeCell ref="AS47:AU48"/>
    <mergeCell ref="AV47:AX48"/>
    <mergeCell ref="AY47:BA48"/>
    <mergeCell ref="BB47:BD48"/>
    <mergeCell ref="BB49:BD50"/>
    <mergeCell ref="BE47:BG48"/>
    <mergeCell ref="W47:Y48"/>
    <mergeCell ref="Z47:AB48"/>
    <mergeCell ref="AC47:AE48"/>
    <mergeCell ref="AF47:AH48"/>
    <mergeCell ref="AI47:AK48"/>
    <mergeCell ref="AL47:AN48"/>
    <mergeCell ref="BB45:BD46"/>
    <mergeCell ref="BE45:BG46"/>
    <mergeCell ref="AL45:AN46"/>
    <mergeCell ref="AO45:AR46"/>
    <mergeCell ref="AS45:AU46"/>
    <mergeCell ref="AV45:AX46"/>
    <mergeCell ref="AY45:BA46"/>
    <mergeCell ref="A47:A48"/>
    <mergeCell ref="B47:E48"/>
    <mergeCell ref="F47:I48"/>
    <mergeCell ref="J47:L48"/>
    <mergeCell ref="M47:N48"/>
    <mergeCell ref="O47:Q48"/>
    <mergeCell ref="R47:T48"/>
    <mergeCell ref="U47:V48"/>
    <mergeCell ref="AI45:AK46"/>
    <mergeCell ref="R45:T46"/>
    <mergeCell ref="U45:V46"/>
    <mergeCell ref="W45:Y46"/>
    <mergeCell ref="Z45:AB46"/>
    <mergeCell ref="AC45:AE46"/>
    <mergeCell ref="AF45:AH46"/>
    <mergeCell ref="A45:A46"/>
    <mergeCell ref="B45:E46"/>
    <mergeCell ref="F45:I46"/>
    <mergeCell ref="J45:L46"/>
    <mergeCell ref="M45:N46"/>
    <mergeCell ref="O45:Q46"/>
    <mergeCell ref="AS43:AU44"/>
    <mergeCell ref="AV43:AX44"/>
    <mergeCell ref="AY43:BA44"/>
    <mergeCell ref="BB43:BD44"/>
    <mergeCell ref="BE43:BG44"/>
    <mergeCell ref="W43:Y44"/>
    <mergeCell ref="Z43:AB44"/>
    <mergeCell ref="AC43:AE44"/>
    <mergeCell ref="AF43:AH44"/>
    <mergeCell ref="AI43:AK44"/>
    <mergeCell ref="AL43:AN44"/>
    <mergeCell ref="BE41:BG42"/>
    <mergeCell ref="A43:A44"/>
    <mergeCell ref="B43:E44"/>
    <mergeCell ref="F43:I44"/>
    <mergeCell ref="J43:L44"/>
    <mergeCell ref="M43:N44"/>
    <mergeCell ref="O43:Q44"/>
    <mergeCell ref="R43:T44"/>
    <mergeCell ref="U43:V44"/>
    <mergeCell ref="AI41:AK42"/>
    <mergeCell ref="AL41:AN42"/>
    <mergeCell ref="AO41:AR42"/>
    <mergeCell ref="AS41:AU42"/>
    <mergeCell ref="AV41:AX42"/>
    <mergeCell ref="AY41:BA42"/>
    <mergeCell ref="R41:T42"/>
    <mergeCell ref="U41:V42"/>
    <mergeCell ref="W41:Y42"/>
    <mergeCell ref="Z41:AB42"/>
    <mergeCell ref="AC41:AE42"/>
    <mergeCell ref="AF41:AH42"/>
    <mergeCell ref="A41:A42"/>
    <mergeCell ref="B41:E42"/>
    <mergeCell ref="AO43:AR44"/>
    <mergeCell ref="F41:I42"/>
    <mergeCell ref="J41:L42"/>
    <mergeCell ref="M41:N42"/>
    <mergeCell ref="O41:Q42"/>
    <mergeCell ref="AO39:AR40"/>
    <mergeCell ref="AS39:AU40"/>
    <mergeCell ref="AV39:AX40"/>
    <mergeCell ref="AY39:BA40"/>
    <mergeCell ref="BB39:BD40"/>
    <mergeCell ref="BB41:BD42"/>
    <mergeCell ref="BE39:BG40"/>
    <mergeCell ref="W39:Y40"/>
    <mergeCell ref="Z39:AB40"/>
    <mergeCell ref="AC39:AE40"/>
    <mergeCell ref="AF39:AH40"/>
    <mergeCell ref="AI39:AK40"/>
    <mergeCell ref="AL39:AN40"/>
    <mergeCell ref="BB37:BD38"/>
    <mergeCell ref="BE37:BG38"/>
    <mergeCell ref="AL37:AN38"/>
    <mergeCell ref="AO37:AR38"/>
    <mergeCell ref="AS37:AU38"/>
    <mergeCell ref="AV37:AX38"/>
    <mergeCell ref="AY37:BA38"/>
    <mergeCell ref="A39:A40"/>
    <mergeCell ref="B39:E40"/>
    <mergeCell ref="F39:I40"/>
    <mergeCell ref="J39:L40"/>
    <mergeCell ref="M39:N40"/>
    <mergeCell ref="O39:Q40"/>
    <mergeCell ref="R39:T40"/>
    <mergeCell ref="U39:V40"/>
    <mergeCell ref="AI37:AK38"/>
    <mergeCell ref="R37:T38"/>
    <mergeCell ref="U37:V38"/>
    <mergeCell ref="W37:Y38"/>
    <mergeCell ref="Z37:AB38"/>
    <mergeCell ref="AC37:AE38"/>
    <mergeCell ref="AF37:AH38"/>
    <mergeCell ref="A37:A38"/>
    <mergeCell ref="B37:E38"/>
    <mergeCell ref="F37:I38"/>
    <mergeCell ref="J37:L38"/>
    <mergeCell ref="M37:N38"/>
    <mergeCell ref="O37:Q38"/>
    <mergeCell ref="AS35:AU36"/>
    <mergeCell ref="AV35:AX36"/>
    <mergeCell ref="AY35:BA36"/>
    <mergeCell ref="BB35:BD36"/>
    <mergeCell ref="BE35:BG36"/>
    <mergeCell ref="W35:Y36"/>
    <mergeCell ref="Z35:AB36"/>
    <mergeCell ref="AC35:AE36"/>
    <mergeCell ref="AF35:AH36"/>
    <mergeCell ref="AI35:AK36"/>
    <mergeCell ref="AL35:AN36"/>
    <mergeCell ref="BE33:BG34"/>
    <mergeCell ref="A35:A36"/>
    <mergeCell ref="B35:E36"/>
    <mergeCell ref="F35:I36"/>
    <mergeCell ref="J35:L36"/>
    <mergeCell ref="M35:N36"/>
    <mergeCell ref="O35:Q36"/>
    <mergeCell ref="R35:T36"/>
    <mergeCell ref="U35:V36"/>
    <mergeCell ref="AI33:AK34"/>
    <mergeCell ref="AL33:AN34"/>
    <mergeCell ref="AO33:AR34"/>
    <mergeCell ref="AS33:AU34"/>
    <mergeCell ref="AV33:AX34"/>
    <mergeCell ref="AY33:BA34"/>
    <mergeCell ref="R33:T34"/>
    <mergeCell ref="U33:V34"/>
    <mergeCell ref="W33:Y34"/>
    <mergeCell ref="Z33:AB34"/>
    <mergeCell ref="AC33:AE34"/>
    <mergeCell ref="AF33:AH34"/>
    <mergeCell ref="A33:A34"/>
    <mergeCell ref="B33:E34"/>
    <mergeCell ref="AO35:AR36"/>
    <mergeCell ref="F33:I34"/>
    <mergeCell ref="J33:L34"/>
    <mergeCell ref="M33:N34"/>
    <mergeCell ref="O33:Q34"/>
    <mergeCell ref="AO31:AR32"/>
    <mergeCell ref="AS31:AU32"/>
    <mergeCell ref="AV31:AX32"/>
    <mergeCell ref="AY31:BA32"/>
    <mergeCell ref="BB31:BD32"/>
    <mergeCell ref="BB33:BD34"/>
    <mergeCell ref="BE31:BG32"/>
    <mergeCell ref="W31:Y32"/>
    <mergeCell ref="Z31:AB32"/>
    <mergeCell ref="AC31:AE32"/>
    <mergeCell ref="AF31:AH32"/>
    <mergeCell ref="AI31:AK32"/>
    <mergeCell ref="AL31:AN32"/>
    <mergeCell ref="BB29:BD30"/>
    <mergeCell ref="BE29:BG30"/>
    <mergeCell ref="AL29:AN30"/>
    <mergeCell ref="AO29:AR30"/>
    <mergeCell ref="AS29:AU30"/>
    <mergeCell ref="AV29:AX30"/>
    <mergeCell ref="AY29:BA30"/>
    <mergeCell ref="A31:A32"/>
    <mergeCell ref="B31:E32"/>
    <mergeCell ref="F31:I32"/>
    <mergeCell ref="J31:L32"/>
    <mergeCell ref="M31:N32"/>
    <mergeCell ref="O31:Q32"/>
    <mergeCell ref="R31:T32"/>
    <mergeCell ref="U31:V32"/>
    <mergeCell ref="AI29:AK30"/>
    <mergeCell ref="R29:T30"/>
    <mergeCell ref="U29:V30"/>
    <mergeCell ref="W29:Y30"/>
    <mergeCell ref="Z29:AB30"/>
    <mergeCell ref="AC29:AE30"/>
    <mergeCell ref="AF29:AH30"/>
    <mergeCell ref="A29:A30"/>
    <mergeCell ref="B29:E30"/>
    <mergeCell ref="F29:I30"/>
    <mergeCell ref="J29:L30"/>
    <mergeCell ref="M29:N30"/>
    <mergeCell ref="O29:Q30"/>
    <mergeCell ref="AS27:AU28"/>
    <mergeCell ref="AV27:AX28"/>
    <mergeCell ref="AY27:BA28"/>
    <mergeCell ref="BB27:BD28"/>
    <mergeCell ref="BE27:BG28"/>
    <mergeCell ref="W27:Y28"/>
    <mergeCell ref="Z27:AB28"/>
    <mergeCell ref="AC27:AE28"/>
    <mergeCell ref="AF27:AH28"/>
    <mergeCell ref="AI27:AK28"/>
    <mergeCell ref="AL27:AN28"/>
    <mergeCell ref="BE25:BG26"/>
    <mergeCell ref="A27:A28"/>
    <mergeCell ref="B27:E28"/>
    <mergeCell ref="F27:I28"/>
    <mergeCell ref="J27:L28"/>
    <mergeCell ref="M27:N28"/>
    <mergeCell ref="O27:Q28"/>
    <mergeCell ref="R27:T28"/>
    <mergeCell ref="U27:V28"/>
    <mergeCell ref="AI25:AK26"/>
    <mergeCell ref="AL25:AN26"/>
    <mergeCell ref="AO25:AR26"/>
    <mergeCell ref="AS25:AU26"/>
    <mergeCell ref="AV25:AX26"/>
    <mergeCell ref="AY25:BA26"/>
    <mergeCell ref="R25:T26"/>
    <mergeCell ref="U25:V26"/>
    <mergeCell ref="W25:Y26"/>
    <mergeCell ref="Z25:AB26"/>
    <mergeCell ref="AC25:AE26"/>
    <mergeCell ref="AF25:AH26"/>
    <mergeCell ref="A25:A26"/>
    <mergeCell ref="B25:E26"/>
    <mergeCell ref="AO27:AR28"/>
    <mergeCell ref="F25:I26"/>
    <mergeCell ref="J25:L26"/>
    <mergeCell ref="M25:N26"/>
    <mergeCell ref="O25:Q26"/>
    <mergeCell ref="AO23:AR24"/>
    <mergeCell ref="AS23:AU24"/>
    <mergeCell ref="AV23:AX24"/>
    <mergeCell ref="AY23:BA24"/>
    <mergeCell ref="BB23:BD24"/>
    <mergeCell ref="BB25:BD26"/>
    <mergeCell ref="BE23:BG24"/>
    <mergeCell ref="W23:Y24"/>
    <mergeCell ref="Z23:AB24"/>
    <mergeCell ref="AC23:AE24"/>
    <mergeCell ref="AF23:AH24"/>
    <mergeCell ref="AI23:AK24"/>
    <mergeCell ref="AL23:AN24"/>
    <mergeCell ref="BB21:BD22"/>
    <mergeCell ref="BE21:BG22"/>
    <mergeCell ref="AL21:AN22"/>
    <mergeCell ref="AO21:AR22"/>
    <mergeCell ref="AS21:AU22"/>
    <mergeCell ref="AV21:AX22"/>
    <mergeCell ref="AY21:BA22"/>
    <mergeCell ref="A23:A24"/>
    <mergeCell ref="B23:E24"/>
    <mergeCell ref="F23:I24"/>
    <mergeCell ref="J23:L24"/>
    <mergeCell ref="M23:N24"/>
    <mergeCell ref="O23:Q24"/>
    <mergeCell ref="R23:T24"/>
    <mergeCell ref="U23:V24"/>
    <mergeCell ref="AI21:AK22"/>
    <mergeCell ref="R21:T22"/>
    <mergeCell ref="U21:V22"/>
    <mergeCell ref="W21:Y22"/>
    <mergeCell ref="Z21:AB22"/>
    <mergeCell ref="AC21:AE22"/>
    <mergeCell ref="AF21:AH22"/>
    <mergeCell ref="A21:A22"/>
    <mergeCell ref="B21:E22"/>
    <mergeCell ref="F21:I22"/>
    <mergeCell ref="J21:L22"/>
    <mergeCell ref="M21:N22"/>
    <mergeCell ref="O21:Q22"/>
    <mergeCell ref="AS19:AU20"/>
    <mergeCell ref="AV19:AX20"/>
    <mergeCell ref="AY19:BA20"/>
    <mergeCell ref="BB19:BD20"/>
    <mergeCell ref="BE19:BG20"/>
    <mergeCell ref="W19:Y20"/>
    <mergeCell ref="Z19:AB20"/>
    <mergeCell ref="AC19:AE20"/>
    <mergeCell ref="AF19:AH20"/>
    <mergeCell ref="AI19:AK20"/>
    <mergeCell ref="AL19:AN20"/>
    <mergeCell ref="BE17:BG18"/>
    <mergeCell ref="A19:A20"/>
    <mergeCell ref="B19:E20"/>
    <mergeCell ref="F19:I20"/>
    <mergeCell ref="J19:L20"/>
    <mergeCell ref="M19:N20"/>
    <mergeCell ref="O19:Q20"/>
    <mergeCell ref="R19:T20"/>
    <mergeCell ref="U19:V20"/>
    <mergeCell ref="AI17:AK18"/>
    <mergeCell ref="AL17:AN18"/>
    <mergeCell ref="AO17:AR18"/>
    <mergeCell ref="AS17:AU18"/>
    <mergeCell ref="AV17:AX18"/>
    <mergeCell ref="AY17:BA18"/>
    <mergeCell ref="R17:T18"/>
    <mergeCell ref="U17:V18"/>
    <mergeCell ref="W17:Y18"/>
    <mergeCell ref="Z17:AB18"/>
    <mergeCell ref="AC17:AE18"/>
    <mergeCell ref="AF17:AH18"/>
    <mergeCell ref="A17:A18"/>
    <mergeCell ref="B17:E18"/>
    <mergeCell ref="AO19:AR20"/>
    <mergeCell ref="F17:I18"/>
    <mergeCell ref="J17:L18"/>
    <mergeCell ref="M17:N18"/>
    <mergeCell ref="O17:Q18"/>
    <mergeCell ref="AO15:AR16"/>
    <mergeCell ref="AS15:AU16"/>
    <mergeCell ref="AV15:AX16"/>
    <mergeCell ref="AY15:BA16"/>
    <mergeCell ref="BB15:BD16"/>
    <mergeCell ref="BB17:BD18"/>
    <mergeCell ref="BE15:BG16"/>
    <mergeCell ref="W15:Y16"/>
    <mergeCell ref="Z15:AB16"/>
    <mergeCell ref="AC15:AE16"/>
    <mergeCell ref="AF15:AH16"/>
    <mergeCell ref="AI15:AK16"/>
    <mergeCell ref="AL15:AN16"/>
    <mergeCell ref="BB13:BD14"/>
    <mergeCell ref="BE13:BG14"/>
    <mergeCell ref="AL13:AN14"/>
    <mergeCell ref="AO13:AR14"/>
    <mergeCell ref="AS13:AU14"/>
    <mergeCell ref="AV13:AX14"/>
    <mergeCell ref="AY13:BA14"/>
    <mergeCell ref="AC11:AE11"/>
    <mergeCell ref="AF11:AH11"/>
    <mergeCell ref="AI11:AK11"/>
    <mergeCell ref="A15:A16"/>
    <mergeCell ref="B15:E16"/>
    <mergeCell ref="F15:I16"/>
    <mergeCell ref="J15:L16"/>
    <mergeCell ref="M15:N16"/>
    <mergeCell ref="O15:Q16"/>
    <mergeCell ref="R15:T16"/>
    <mergeCell ref="U15:V16"/>
    <mergeCell ref="AI13:AK14"/>
    <mergeCell ref="R13:T14"/>
    <mergeCell ref="U13:V14"/>
    <mergeCell ref="W13:Y14"/>
    <mergeCell ref="Z13:AB14"/>
    <mergeCell ref="AC13:AE14"/>
    <mergeCell ref="AF13:AH14"/>
    <mergeCell ref="A13:A14"/>
    <mergeCell ref="B13:E14"/>
    <mergeCell ref="F13:I14"/>
    <mergeCell ref="J13:L14"/>
    <mergeCell ref="M13:N14"/>
    <mergeCell ref="O13:Q14"/>
    <mergeCell ref="AS10:AU12"/>
    <mergeCell ref="AV10:AX12"/>
    <mergeCell ref="AY10:BG11"/>
    <mergeCell ref="BH10:BL12"/>
    <mergeCell ref="BM10:BQ12"/>
    <mergeCell ref="BR10:BV12"/>
    <mergeCell ref="AY12:BD12"/>
    <mergeCell ref="BE12:BG12"/>
    <mergeCell ref="B6:H8"/>
    <mergeCell ref="I6:U8"/>
    <mergeCell ref="B10:E12"/>
    <mergeCell ref="F10:I12"/>
    <mergeCell ref="J10:Y10"/>
    <mergeCell ref="Z10:AN10"/>
    <mergeCell ref="AO10:AR12"/>
    <mergeCell ref="AL11:AN11"/>
    <mergeCell ref="Z12:AB12"/>
    <mergeCell ref="AC12:AE12"/>
    <mergeCell ref="AF12:AH12"/>
    <mergeCell ref="AI12:AK12"/>
    <mergeCell ref="AL12:AN12"/>
    <mergeCell ref="J11:Q12"/>
    <mergeCell ref="R11:Y12"/>
    <mergeCell ref="Z11:AB11"/>
    <mergeCell ref="BS2:BT3"/>
    <mergeCell ref="BU2:BV3"/>
    <mergeCell ref="B3:C5"/>
    <mergeCell ref="D3:E5"/>
    <mergeCell ref="F3:G5"/>
    <mergeCell ref="H3:I5"/>
    <mergeCell ref="J3:K5"/>
    <mergeCell ref="L3:M5"/>
    <mergeCell ref="N3:O5"/>
    <mergeCell ref="P3:Q5"/>
    <mergeCell ref="BG2:BH3"/>
    <mergeCell ref="BI2:BJ3"/>
    <mergeCell ref="BK2:BL3"/>
    <mergeCell ref="BM2:BN3"/>
    <mergeCell ref="BO2:BP3"/>
    <mergeCell ref="BQ2:BR3"/>
    <mergeCell ref="B2:U2"/>
    <mergeCell ref="V2:AE5"/>
    <mergeCell ref="AF2:AS5"/>
    <mergeCell ref="AT2:BB3"/>
    <mergeCell ref="BC2:BD3"/>
    <mergeCell ref="BE2:BF3"/>
    <mergeCell ref="R3:S5"/>
    <mergeCell ref="T3:U5"/>
  </mergeCells>
  <phoneticPr fontId="3"/>
  <printOptions horizontalCentered="1"/>
  <pageMargins left="0.47244094488188981" right="0.23622047244094491" top="0.47244094488188981" bottom="0" header="0.15748031496062992" footer="0"/>
  <pageSetup paperSize="9" scale="99" fitToHeight="0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2</vt:i4>
      </vt:variant>
    </vt:vector>
  </HeadingPairs>
  <TitlesOfParts>
    <vt:vector size="6" baseType="lpstr">
      <vt:lpstr>居宅介護0304版</vt:lpstr>
      <vt:lpstr>重度訪問介護0304版</vt:lpstr>
      <vt:lpstr>行動援護0304版</vt:lpstr>
      <vt:lpstr>同行援護0304版</vt:lpstr>
      <vt:lpstr>行動援護0304版!Print_Area</vt:lpstr>
      <vt:lpstr>同行援護0304版!Print_Area</vt:lpstr>
    </vt:vector>
  </TitlesOfParts>
  <Company>伊丹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AIHATU</dc:creator>
  <cp:lastModifiedBy>A</cp:lastModifiedBy>
  <cp:lastPrinted>2021-03-26T00:57:54Z</cp:lastPrinted>
  <dcterms:created xsi:type="dcterms:W3CDTF">2007-03-29T06:36:48Z</dcterms:created>
  <dcterms:modified xsi:type="dcterms:W3CDTF">2021-03-26T00:58:26Z</dcterms:modified>
</cp:coreProperties>
</file>